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017331\Desktop\24年度全日本\"/>
    </mc:Choice>
  </mc:AlternateContent>
  <bookViews>
    <workbookView xWindow="0" yWindow="0" windowWidth="21900" windowHeight="8743"/>
  </bookViews>
  <sheets>
    <sheet name="参加申込書" sheetId="1" r:id="rId1"/>
  </sheets>
  <externalReferences>
    <externalReference r:id="rId2"/>
  </externalReferences>
  <definedNames>
    <definedName name="_xlnm.Print_Area" localSheetId="0">参加申込書!$A$1:$BH$56</definedName>
    <definedName name="あ">'[1]引率届（全）'!#REF!</definedName>
    <definedName name="移動方法">[1]リスト!$O$2:$O$6</definedName>
    <definedName name="引率者名">[1]リスト!$I$2:$I$20</definedName>
    <definedName name="学校名">[1]リスト!$J$2:$J$20</definedName>
    <definedName name="月">[1]リスト!$C$2:$C$13</definedName>
    <definedName name="時">[1]リスト!$E$2:$E$25</definedName>
    <definedName name="場所名">[1]リスト!$K$2:$K$20</definedName>
    <definedName name="人数">[1]リスト!$A$2:$A$61</definedName>
    <definedName name="日">[1]リスト!$D$2:$D$33</definedName>
    <definedName name="年度">[1]リスト!$B$2:$B$20</definedName>
    <definedName name="備考１">[1]リスト!$M$2:$M$6</definedName>
    <definedName name="部活動名">[1]リスト!$H$2:$H$15</definedName>
    <definedName name="分">[1]リスト!$F$2:$F$10</definedName>
    <definedName name="曜日">[1]リスト!$G$2:$G$8</definedName>
    <definedName name="用件">[1]リスト!$L$2:$L$20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C11" i="1" l="1"/>
  <c r="AC8" i="1"/>
</calcChain>
</file>

<file path=xl/comments1.xml><?xml version="1.0" encoding="utf-8"?>
<comments xmlns="http://schemas.openxmlformats.org/spreadsheetml/2006/main">
  <authors>
    <author>作成者</author>
  </authors>
  <commentList>
    <comment ref="AZ14" authorId="0" shapeId="0">
      <text>
        <r>
          <rPr>
            <b/>
            <sz val="11"/>
            <color indexed="81"/>
            <rFont val="ＭＳ Ｐゴシック"/>
            <family val="3"/>
            <charset val="128"/>
          </rPr>
          <t>所属支部名をリストから選択してください。</t>
        </r>
      </text>
    </comment>
    <comment ref="O19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リストから選択してください。</t>
        </r>
      </text>
    </comment>
    <comment ref="O2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リストから選択してください。</t>
        </r>
      </text>
    </comment>
    <comment ref="R24" authorId="0" shapeId="0">
      <text>
        <r>
          <rPr>
            <b/>
            <sz val="11"/>
            <color indexed="81"/>
            <rFont val="ＭＳ Ｐゴシック"/>
            <family val="3"/>
            <charset val="128"/>
          </rPr>
          <t>性別をリストから選択してください。</t>
        </r>
      </text>
    </comment>
    <comment ref="C37" authorId="0" shapeId="0">
      <text>
        <r>
          <rPr>
            <b/>
            <sz val="10"/>
            <color indexed="81"/>
            <rFont val="ＭＳ Ｐゴシック"/>
            <family val="3"/>
            <charset val="128"/>
          </rPr>
          <t>背番号をリストから選択してください。
キャプテンは〇囲みの数字を選択してください。</t>
        </r>
      </text>
    </comment>
    <comment ref="Q37" authorId="0" shapeId="0">
      <text>
        <r>
          <rPr>
            <b/>
            <sz val="10"/>
            <color indexed="81"/>
            <rFont val="ＭＳ Ｐゴシック"/>
            <family val="3"/>
            <charset val="128"/>
          </rPr>
          <t>学年をリストから選択してください。
男女混合の男子選手は〇囲みの数字を選択してください。</t>
        </r>
      </text>
    </comment>
  </commentList>
</comments>
</file>

<file path=xl/sharedStrings.xml><?xml version="1.0" encoding="utf-8"?>
<sst xmlns="http://schemas.openxmlformats.org/spreadsheetml/2006/main" count="79" uniqueCount="51">
  <si>
    <t>令和</t>
    <rPh sb="0" eb="2">
      <t>レイワ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ニチ</t>
    </rPh>
    <phoneticPr fontId="4"/>
  </si>
  <si>
    <t>支部大会参加申込書</t>
    <rPh sb="0" eb="2">
      <t>シブ</t>
    </rPh>
    <rPh sb="2" eb="4">
      <t>タイカイ</t>
    </rPh>
    <phoneticPr fontId="4"/>
  </si>
  <si>
    <t>愛知県</t>
    <rPh sb="0" eb="3">
      <t>アイチケン</t>
    </rPh>
    <phoneticPr fontId="4"/>
  </si>
  <si>
    <t>男子・女子・混合を選択↓</t>
    <rPh sb="0" eb="1">
      <t>オトコ</t>
    </rPh>
    <rPh sb="1" eb="2">
      <t>コ</t>
    </rPh>
    <rPh sb="3" eb="4">
      <t>オンナ</t>
    </rPh>
    <rPh sb="4" eb="5">
      <t>コ</t>
    </rPh>
    <rPh sb="6" eb="8">
      <t>コンゴウ</t>
    </rPh>
    <rPh sb="9" eb="11">
      <t>センタク</t>
    </rPh>
    <phoneticPr fontId="4"/>
  </si>
  <si>
    <t>小学生バレーボール連盟</t>
    <rPh sb="0" eb="3">
      <t>ショウガクセイ</t>
    </rPh>
    <rPh sb="9" eb="11">
      <t>レンメイ</t>
    </rPh>
    <phoneticPr fontId="4"/>
  </si>
  <si>
    <t>支部長　殿</t>
    <rPh sb="0" eb="3">
      <t>シブチョウ</t>
    </rPh>
    <rPh sb="4" eb="5">
      <t>ドノ</t>
    </rPh>
    <phoneticPr fontId="12"/>
  </si>
  <si>
    <t>第</t>
    <rPh sb="0" eb="1">
      <t>ダイ</t>
    </rPh>
    <phoneticPr fontId="4"/>
  </si>
  <si>
    <t>回全日本バレーボール小学生大会</t>
    <rPh sb="0" eb="1">
      <t>カイ</t>
    </rPh>
    <rPh sb="1" eb="4">
      <t>ゼンニホン</t>
    </rPh>
    <rPh sb="10" eb="13">
      <t>ショウガクセイ</t>
    </rPh>
    <rPh sb="13" eb="15">
      <t>タイカイ</t>
    </rPh>
    <phoneticPr fontId="4"/>
  </si>
  <si>
    <t>支部大会に下記のとおり参加申込致します。</t>
    <rPh sb="0" eb="2">
      <t>シブ</t>
    </rPh>
    <phoneticPr fontId="4"/>
  </si>
  <si>
    <t>チーム名
＆
チームＩＤ</t>
    <rPh sb="3" eb="4">
      <t>ナ</t>
    </rPh>
    <phoneticPr fontId="4"/>
  </si>
  <si>
    <t>フリガナ</t>
    <phoneticPr fontId="4"/>
  </si>
  <si>
    <t>チームＩＤ（男女混合は二つのＩＤ）</t>
    <rPh sb="6" eb="8">
      <t>ダンジョ</t>
    </rPh>
    <rPh sb="8" eb="10">
      <t>コンゴウ</t>
    </rPh>
    <rPh sb="11" eb="12">
      <t>フタ</t>
    </rPh>
    <phoneticPr fontId="4"/>
  </si>
  <si>
    <t>チーム
所在地</t>
    <rPh sb="4" eb="7">
      <t>ショザイチ</t>
    </rPh>
    <phoneticPr fontId="4"/>
  </si>
  <si>
    <r>
      <t xml:space="preserve">市
郡
</t>
    </r>
    <r>
      <rPr>
        <sz val="6"/>
        <color indexed="8"/>
        <rFont val="ＪＳＰ明朝"/>
        <family val="1"/>
        <charset val="128"/>
      </rPr>
      <t>(区)</t>
    </r>
    <rPh sb="0" eb="1">
      <t>シ</t>
    </rPh>
    <rPh sb="2" eb="3">
      <t>グン</t>
    </rPh>
    <rPh sb="5" eb="6">
      <t>ク</t>
    </rPh>
    <phoneticPr fontId="4"/>
  </si>
  <si>
    <t>所属
支部名</t>
    <rPh sb="0" eb="2">
      <t>ショゾク</t>
    </rPh>
    <rPh sb="3" eb="5">
      <t>シブ</t>
    </rPh>
    <rPh sb="5" eb="6">
      <t>メイ</t>
    </rPh>
    <phoneticPr fontId="4"/>
  </si>
  <si>
    <t>監　　　督</t>
    <rPh sb="0" eb="1">
      <t>ラン</t>
    </rPh>
    <rPh sb="4" eb="5">
      <t>ヨシ</t>
    </rPh>
    <phoneticPr fontId="4"/>
  </si>
  <si>
    <t>コ　ー　チ</t>
    <phoneticPr fontId="4"/>
  </si>
  <si>
    <t>マネージャー</t>
    <phoneticPr fontId="4"/>
  </si>
  <si>
    <t>指導者講習会受講証明書番号</t>
    <rPh sb="0" eb="3">
      <t>シドウシャ</t>
    </rPh>
    <rPh sb="3" eb="6">
      <t>コウシュウカイ</t>
    </rPh>
    <rPh sb="6" eb="8">
      <t>ジュコウ</t>
    </rPh>
    <rPh sb="8" eb="11">
      <t>ショウメイショ</t>
    </rPh>
    <rPh sb="11" eb="13">
      <t>バンゴウ</t>
    </rPh>
    <phoneticPr fontId="4"/>
  </si>
  <si>
    <t>日体協の資格及び登録番号</t>
    <rPh sb="0" eb="1">
      <t>ニチ</t>
    </rPh>
    <rPh sb="1" eb="3">
      <t>タイキョウ</t>
    </rPh>
    <rPh sb="4" eb="6">
      <t>シカク</t>
    </rPh>
    <rPh sb="6" eb="7">
      <t>オヨ</t>
    </rPh>
    <rPh sb="8" eb="10">
      <t>トウロク</t>
    </rPh>
    <rPh sb="10" eb="12">
      <t>バンゴウ</t>
    </rPh>
    <phoneticPr fontId="4"/>
  </si>
  <si>
    <t>チームスタッフＩＤ登録番号</t>
    <rPh sb="9" eb="11">
      <t>トウロク</t>
    </rPh>
    <rPh sb="11" eb="13">
      <t>バンゴウ</t>
    </rPh>
    <phoneticPr fontId="4"/>
  </si>
  <si>
    <t>自宅
住所</t>
    <rPh sb="0" eb="2">
      <t>ジタク</t>
    </rPh>
    <rPh sb="3" eb="5">
      <t>ジュウショ</t>
    </rPh>
    <phoneticPr fontId="4"/>
  </si>
  <si>
    <t>〒</t>
    <phoneticPr fontId="4"/>
  </si>
  <si>
    <t>―</t>
    <phoneticPr fontId="4"/>
  </si>
  <si>
    <t>電話
番号</t>
    <rPh sb="0" eb="2">
      <t>デンワ</t>
    </rPh>
    <rPh sb="3" eb="5">
      <t>バンゴウ</t>
    </rPh>
    <phoneticPr fontId="4"/>
  </si>
  <si>
    <t>（</t>
    <phoneticPr fontId="4"/>
  </si>
  <si>
    <t>）</t>
    <phoneticPr fontId="4"/>
  </si>
  <si>
    <t>監　　督</t>
    <rPh sb="0" eb="1">
      <t>ラン</t>
    </rPh>
    <rPh sb="3" eb="4">
      <t>ヨシ</t>
    </rPh>
    <phoneticPr fontId="4"/>
  </si>
  <si>
    <t>連絡責任者</t>
    <rPh sb="0" eb="2">
      <t>レンラク</t>
    </rPh>
    <rPh sb="2" eb="5">
      <t>セキニンシャ</t>
    </rPh>
    <phoneticPr fontId="4"/>
  </si>
  <si>
    <t>選手名簿</t>
    <rPh sb="0" eb="2">
      <t>センシュ</t>
    </rPh>
    <rPh sb="2" eb="4">
      <t>メイボ</t>
    </rPh>
    <phoneticPr fontId="4"/>
  </si>
  <si>
    <t>（キャプテンの背番号を○で囲ってください。）</t>
    <rPh sb="7" eb="10">
      <t>セバンゴウ</t>
    </rPh>
    <rPh sb="13" eb="14">
      <t>カコ</t>
    </rPh>
    <phoneticPr fontId="4"/>
  </si>
  <si>
    <t>背番号</t>
    <rPh sb="0" eb="3">
      <t>セバンゴウ</t>
    </rPh>
    <phoneticPr fontId="4"/>
  </si>
  <si>
    <t>氏　　　名</t>
    <rPh sb="0" eb="1">
      <t>シ</t>
    </rPh>
    <rPh sb="4" eb="5">
      <t>メイ</t>
    </rPh>
    <phoneticPr fontId="4"/>
  </si>
  <si>
    <t>学年</t>
    <rPh sb="0" eb="2">
      <t>ガクネン</t>
    </rPh>
    <phoneticPr fontId="4"/>
  </si>
  <si>
    <t>男女</t>
    <rPh sb="0" eb="2">
      <t>ダンジョ</t>
    </rPh>
    <phoneticPr fontId="4"/>
  </si>
  <si>
    <t>学校所在地の市区町村名と学校名</t>
    <rPh sb="0" eb="2">
      <t>ガッコウ</t>
    </rPh>
    <rPh sb="2" eb="4">
      <t>ショザイ</t>
    </rPh>
    <rPh sb="4" eb="5">
      <t>チ</t>
    </rPh>
    <rPh sb="6" eb="8">
      <t>シク</t>
    </rPh>
    <rPh sb="8" eb="10">
      <t>チョウソン</t>
    </rPh>
    <rPh sb="10" eb="11">
      <t>メイ</t>
    </rPh>
    <rPh sb="12" eb="14">
      <t>ガッコウ</t>
    </rPh>
    <rPh sb="14" eb="15">
      <t>メイ</t>
    </rPh>
    <phoneticPr fontId="4"/>
  </si>
  <si>
    <t>Ｉ　Ｄ　番　号</t>
    <phoneticPr fontId="4"/>
  </si>
  <si>
    <t>身　長</t>
    <rPh sb="0" eb="1">
      <t>ミ</t>
    </rPh>
    <rPh sb="2" eb="3">
      <t>チョウ</t>
    </rPh>
    <phoneticPr fontId="4"/>
  </si>
  <si>
    <t>地区町村名</t>
    <rPh sb="0" eb="2">
      <t>チク</t>
    </rPh>
    <rPh sb="2" eb="4">
      <t>チョウソン</t>
    </rPh>
    <rPh sb="4" eb="5">
      <t>メイ</t>
    </rPh>
    <phoneticPr fontId="4"/>
  </si>
  <si>
    <t>学校名</t>
    <rPh sb="0" eb="2">
      <t>ガッコウ</t>
    </rPh>
    <rPh sb="2" eb="3">
      <t>メイ</t>
    </rPh>
    <phoneticPr fontId="4"/>
  </si>
  <si>
    <t>※県大会に出場するチームはこの申込書と同じ選手名で申込をする事になりますので、選手名を記入する際には充分に注意をしてください。</t>
    <rPh sb="1" eb="2">
      <t>ケン</t>
    </rPh>
    <rPh sb="2" eb="4">
      <t>タイカイ</t>
    </rPh>
    <rPh sb="5" eb="7">
      <t>シュツジョウ</t>
    </rPh>
    <rPh sb="15" eb="18">
      <t>モウシコミショ</t>
    </rPh>
    <rPh sb="19" eb="20">
      <t>オナ</t>
    </rPh>
    <rPh sb="21" eb="24">
      <t>センシュメイ</t>
    </rPh>
    <rPh sb="25" eb="27">
      <t>モウシコミ</t>
    </rPh>
    <rPh sb="30" eb="31">
      <t>コト</t>
    </rPh>
    <rPh sb="39" eb="42">
      <t>センシュメイ</t>
    </rPh>
    <rPh sb="43" eb="45">
      <t>キニュウ</t>
    </rPh>
    <rPh sb="47" eb="48">
      <t>サイ</t>
    </rPh>
    <rPh sb="50" eb="52">
      <t>ジュウブン</t>
    </rPh>
    <rPh sb="53" eb="55">
      <t>チュウイ</t>
    </rPh>
    <phoneticPr fontId="4"/>
  </si>
  <si>
    <t>※本大会出場チームは必ず控（コピー）を持参してください。</t>
    <rPh sb="1" eb="2">
      <t>ホン</t>
    </rPh>
    <rPh sb="2" eb="4">
      <t>タイカイ</t>
    </rPh>
    <rPh sb="4" eb="6">
      <t>シュツジョウ</t>
    </rPh>
    <rPh sb="10" eb="11">
      <t>カナラ</t>
    </rPh>
    <rPh sb="12" eb="13">
      <t>ヒカ</t>
    </rPh>
    <rPh sb="19" eb="21">
      <t>ジサン</t>
    </rPh>
    <phoneticPr fontId="4"/>
  </si>
  <si>
    <t>※チーム所在地は、チームが主として活動する所在地を記入してください。</t>
    <rPh sb="4" eb="7">
      <t>ショザイチ</t>
    </rPh>
    <rPh sb="13" eb="14">
      <t>シュ</t>
    </rPh>
    <rPh sb="17" eb="19">
      <t>カツドウ</t>
    </rPh>
    <rPh sb="21" eb="24">
      <t>ショザイチ</t>
    </rPh>
    <rPh sb="25" eb="27">
      <t>キニュウ</t>
    </rPh>
    <phoneticPr fontId="4"/>
  </si>
  <si>
    <t>※男女混合の部の男子選手は、学年を○で囲んでください。</t>
    <rPh sb="1" eb="3">
      <t>ダンジョ</t>
    </rPh>
    <rPh sb="3" eb="5">
      <t>コンゴウ</t>
    </rPh>
    <rPh sb="6" eb="7">
      <t>ブ</t>
    </rPh>
    <rPh sb="8" eb="10">
      <t>ダンシ</t>
    </rPh>
    <rPh sb="10" eb="12">
      <t>センシュ</t>
    </rPh>
    <rPh sb="14" eb="16">
      <t>ガクネン</t>
    </rPh>
    <rPh sb="19" eb="20">
      <t>カコ</t>
    </rPh>
    <phoneticPr fontId="4"/>
  </si>
  <si>
    <t>申込責任者氏名</t>
    <rPh sb="0" eb="2">
      <t>モウシコミ</t>
    </rPh>
    <rPh sb="2" eb="5">
      <t>セキニンシャ</t>
    </rPh>
    <rPh sb="5" eb="7">
      <t>シメイ</t>
    </rPh>
    <phoneticPr fontId="4"/>
  </si>
  <si>
    <t>（自筆署名）</t>
    <rPh sb="1" eb="3">
      <t>ジヒツ</t>
    </rPh>
    <rPh sb="3" eb="5">
      <t>ショメイ</t>
    </rPh>
    <phoneticPr fontId="4"/>
  </si>
  <si>
    <t>尾張</t>
  </si>
  <si>
    <t>※大会参加申込書は、JVA-MRSチーム加入一覧・宣誓書と合わせて、期限までに尾張支部長宛に郵送してください。</t>
    <rPh sb="1" eb="8">
      <t>タイカイサンカモウシコミショ</t>
    </rPh>
    <rPh sb="20" eb="24">
      <t>カニュウイチラン</t>
    </rPh>
    <rPh sb="25" eb="28">
      <t>センセイショ</t>
    </rPh>
    <rPh sb="29" eb="30">
      <t>ア</t>
    </rPh>
    <rPh sb="34" eb="36">
      <t>キゲン</t>
    </rPh>
    <rPh sb="39" eb="44">
      <t>オワリシブチョウ</t>
    </rPh>
    <rPh sb="44" eb="45">
      <t>アテ</t>
    </rPh>
    <rPh sb="46" eb="48">
      <t>ユウソ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32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1"/>
      <color indexed="8"/>
      <name val="ＪＳＰ明朝"/>
      <family val="1"/>
      <charset val="128"/>
    </font>
    <font>
      <sz val="6"/>
      <name val="ＭＳ Ｐゴシック"/>
      <family val="3"/>
      <charset val="128"/>
    </font>
    <font>
      <b/>
      <sz val="18"/>
      <color theme="1"/>
      <name val="ＪＳＰ明朝"/>
      <family val="1"/>
      <charset val="128"/>
    </font>
    <font>
      <sz val="24"/>
      <color indexed="8"/>
      <name val="ＪＳ明朝"/>
      <family val="1"/>
      <charset val="128"/>
    </font>
    <font>
      <sz val="22"/>
      <color indexed="8"/>
      <name val="ＪＳＰ明朝"/>
      <family val="1"/>
      <charset val="128"/>
    </font>
    <font>
      <sz val="20"/>
      <color indexed="8"/>
      <name val="ＪＳＰ明朝"/>
      <family val="1"/>
      <charset val="128"/>
    </font>
    <font>
      <sz val="8"/>
      <color theme="1"/>
      <name val="ＪＳＰ明朝"/>
      <family val="1"/>
      <charset val="128"/>
    </font>
    <font>
      <sz val="16"/>
      <color theme="1"/>
      <name val="ＪＳＰ明朝"/>
      <family val="1"/>
      <charset val="128"/>
    </font>
    <font>
      <sz val="12"/>
      <color indexed="8"/>
      <name val="ＪＳＰ明朝"/>
      <family val="1"/>
      <charset val="128"/>
    </font>
    <font>
      <sz val="6"/>
      <name val="游ゴシック"/>
      <family val="3"/>
      <charset val="128"/>
      <scheme val="minor"/>
    </font>
    <font>
      <sz val="11"/>
      <color indexed="8"/>
      <name val="ＪＳ明朝"/>
      <family val="1"/>
      <charset val="128"/>
    </font>
    <font>
      <sz val="10"/>
      <color indexed="8"/>
      <name val="ＪＳ明朝"/>
      <family val="1"/>
      <charset val="128"/>
    </font>
    <font>
      <sz val="22"/>
      <color indexed="8"/>
      <name val="ＭＳ Ｐゴシック"/>
      <family val="3"/>
      <charset val="128"/>
    </font>
    <font>
      <sz val="8"/>
      <color indexed="8"/>
      <name val="ＪＳＰ明朝"/>
      <family val="1"/>
      <charset val="128"/>
    </font>
    <font>
      <sz val="6"/>
      <color indexed="8"/>
      <name val="ＪＳＰ明朝"/>
      <family val="1"/>
      <charset val="128"/>
    </font>
    <font>
      <sz val="10"/>
      <color indexed="8"/>
      <name val="ＪＳＰ明朝"/>
      <family val="1"/>
      <charset val="128"/>
    </font>
    <font>
      <sz val="14"/>
      <color indexed="8"/>
      <name val="ＪＳＰ明朝"/>
      <family val="1"/>
      <charset val="128"/>
    </font>
    <font>
      <sz val="10"/>
      <color indexed="8"/>
      <name val="Century"/>
      <family val="1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color indexed="8"/>
      <name val="ＭＳ Ｐ明朝"/>
      <family val="1"/>
      <charset val="128"/>
    </font>
    <font>
      <sz val="11"/>
      <color indexed="8"/>
      <name val="Century"/>
      <family val="1"/>
    </font>
    <font>
      <sz val="14"/>
      <color indexed="8"/>
      <name val="Century"/>
      <family val="1"/>
    </font>
    <font>
      <sz val="14"/>
      <color indexed="8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b/>
      <sz val="11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b/>
      <sz val="10"/>
      <color indexed="8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0" fontId="21" fillId="0" borderId="0">
      <alignment vertical="center"/>
    </xf>
  </cellStyleXfs>
  <cellXfs count="197">
    <xf numFmtId="0" fontId="0" fillId="0" borderId="0" xfId="0">
      <alignment vertical="center"/>
    </xf>
    <xf numFmtId="0" fontId="1" fillId="0" borderId="0" xfId="1">
      <alignment vertical="center"/>
    </xf>
    <xf numFmtId="0" fontId="3" fillId="0" borderId="0" xfId="1" applyFont="1">
      <alignment vertical="center"/>
    </xf>
    <xf numFmtId="0" fontId="5" fillId="0" borderId="0" xfId="1" applyFont="1" applyAlignment="1"/>
    <xf numFmtId="0" fontId="6" fillId="0" borderId="0" xfId="1" applyFont="1">
      <alignment vertical="center"/>
    </xf>
    <xf numFmtId="0" fontId="7" fillId="0" borderId="0" xfId="1" applyFont="1">
      <alignment vertical="center"/>
    </xf>
    <xf numFmtId="0" fontId="8" fillId="0" borderId="0" xfId="1" applyFont="1">
      <alignment vertical="center"/>
    </xf>
    <xf numFmtId="0" fontId="3" fillId="0" borderId="0" xfId="1" applyFont="1" applyAlignment="1">
      <alignment horizontal="left" vertical="center"/>
    </xf>
    <xf numFmtId="0" fontId="13" fillId="0" borderId="0" xfId="1" applyFont="1">
      <alignment vertical="center"/>
    </xf>
    <xf numFmtId="0" fontId="14" fillId="0" borderId="0" xfId="1" applyFont="1">
      <alignment vertical="center"/>
    </xf>
    <xf numFmtId="0" fontId="15" fillId="0" borderId="0" xfId="1" applyFont="1">
      <alignment vertical="center"/>
    </xf>
    <xf numFmtId="0" fontId="16" fillId="0" borderId="4" xfId="1" applyFont="1" applyBorder="1">
      <alignment vertical="center"/>
    </xf>
    <xf numFmtId="0" fontId="3" fillId="0" borderId="5" xfId="1" applyFont="1" applyBorder="1">
      <alignment vertical="center"/>
    </xf>
    <xf numFmtId="176" fontId="18" fillId="0" borderId="5" xfId="1" applyNumberFormat="1" applyFont="1" applyBorder="1">
      <alignment vertical="center"/>
    </xf>
    <xf numFmtId="0" fontId="18" fillId="0" borderId="4" xfId="1" applyFont="1" applyBorder="1" applyAlignment="1">
      <alignment horizontal="left" vertical="center"/>
    </xf>
    <xf numFmtId="0" fontId="18" fillId="0" borderId="35" xfId="1" applyFont="1" applyBorder="1" applyAlignment="1">
      <alignment horizontal="left" vertical="center"/>
    </xf>
    <xf numFmtId="0" fontId="18" fillId="0" borderId="8" xfId="1" applyFont="1" applyBorder="1" applyAlignment="1">
      <alignment horizontal="left" vertical="center"/>
    </xf>
    <xf numFmtId="0" fontId="18" fillId="0" borderId="37" xfId="1" applyFont="1" applyBorder="1" applyAlignment="1">
      <alignment horizontal="left" vertical="center"/>
    </xf>
    <xf numFmtId="0" fontId="11" fillId="0" borderId="0" xfId="1" applyFont="1" applyAlignment="1"/>
    <xf numFmtId="0" fontId="16" fillId="0" borderId="0" xfId="1" applyFont="1" applyAlignment="1"/>
    <xf numFmtId="0" fontId="16" fillId="0" borderId="0" xfId="1" applyFont="1">
      <alignment vertical="center"/>
    </xf>
    <xf numFmtId="0" fontId="16" fillId="0" borderId="0" xfId="1" applyFont="1" applyAlignment="1">
      <alignment horizontal="center" vertical="center"/>
    </xf>
    <xf numFmtId="0" fontId="19" fillId="0" borderId="5" xfId="1" applyFont="1" applyBorder="1" applyAlignment="1">
      <alignment horizontal="center" vertical="center"/>
    </xf>
    <xf numFmtId="0" fontId="19" fillId="0" borderId="0" xfId="1" applyFont="1" applyBorder="1" applyAlignment="1">
      <alignment horizontal="center" vertical="center"/>
    </xf>
    <xf numFmtId="49" fontId="25" fillId="0" borderId="2" xfId="1" applyNumberFormat="1" applyFont="1" applyBorder="1" applyAlignment="1">
      <alignment horizontal="center" vertical="center"/>
    </xf>
    <xf numFmtId="49" fontId="25" fillId="0" borderId="3" xfId="1" applyNumberFormat="1" applyFont="1" applyBorder="1" applyAlignment="1">
      <alignment horizontal="center" vertical="center"/>
    </xf>
    <xf numFmtId="0" fontId="25" fillId="0" borderId="28" xfId="1" applyFont="1" applyBorder="1" applyAlignment="1">
      <alignment horizontal="center" vertical="center"/>
    </xf>
    <xf numFmtId="0" fontId="25" fillId="0" borderId="29" xfId="1" applyFont="1" applyBorder="1" applyAlignment="1">
      <alignment horizontal="center" vertical="center"/>
    </xf>
    <xf numFmtId="0" fontId="25" fillId="0" borderId="41" xfId="1" applyFont="1" applyBorder="1" applyAlignment="1">
      <alignment horizontal="center" vertical="center"/>
    </xf>
    <xf numFmtId="0" fontId="25" fillId="0" borderId="42" xfId="1" applyFont="1" applyBorder="1" applyAlignment="1">
      <alignment horizontal="center" vertical="center"/>
    </xf>
    <xf numFmtId="0" fontId="26" fillId="0" borderId="42" xfId="1" applyFont="1" applyBorder="1" applyAlignment="1">
      <alignment horizontal="center" vertical="center" shrinkToFit="1"/>
    </xf>
    <xf numFmtId="0" fontId="26" fillId="0" borderId="42" xfId="1" applyFont="1" applyBorder="1" applyAlignment="1">
      <alignment horizontal="center" vertical="center"/>
    </xf>
    <xf numFmtId="0" fontId="27" fillId="0" borderId="42" xfId="1" applyFont="1" applyBorder="1" applyAlignment="1">
      <alignment horizontal="center" vertical="center"/>
    </xf>
    <xf numFmtId="0" fontId="28" fillId="0" borderId="43" xfId="1" applyFont="1" applyBorder="1" applyAlignment="1">
      <alignment horizontal="center" vertical="center" shrinkToFit="1"/>
    </xf>
    <xf numFmtId="0" fontId="28" fillId="0" borderId="44" xfId="1" applyFont="1" applyBorder="1" applyAlignment="1">
      <alignment horizontal="center" vertical="center" shrinkToFit="1"/>
    </xf>
    <xf numFmtId="0" fontId="28" fillId="0" borderId="45" xfId="1" applyFont="1" applyBorder="1" applyAlignment="1">
      <alignment horizontal="center" vertical="center" shrinkToFit="1"/>
    </xf>
    <xf numFmtId="49" fontId="25" fillId="0" borderId="44" xfId="1" applyNumberFormat="1" applyFont="1" applyBorder="1" applyAlignment="1">
      <alignment horizontal="center" vertical="center"/>
    </xf>
    <xf numFmtId="49" fontId="25" fillId="0" borderId="45" xfId="1" applyNumberFormat="1" applyFont="1" applyBorder="1" applyAlignment="1">
      <alignment horizontal="center" vertical="center"/>
    </xf>
    <xf numFmtId="0" fontId="25" fillId="0" borderId="46" xfId="1" applyFont="1" applyBorder="1" applyAlignment="1">
      <alignment horizontal="center" vertical="center"/>
    </xf>
    <xf numFmtId="0" fontId="25" fillId="0" borderId="27" xfId="1" applyFont="1" applyBorder="1" applyAlignment="1">
      <alignment horizontal="center" vertical="center"/>
    </xf>
    <xf numFmtId="0" fontId="26" fillId="0" borderId="28" xfId="1" applyFont="1" applyBorder="1" applyAlignment="1">
      <alignment horizontal="center" vertical="center" shrinkToFit="1"/>
    </xf>
    <xf numFmtId="0" fontId="26" fillId="0" borderId="28" xfId="1" applyFont="1" applyBorder="1" applyAlignment="1">
      <alignment horizontal="center" vertical="center"/>
    </xf>
    <xf numFmtId="0" fontId="27" fillId="0" borderId="28" xfId="1" applyFont="1" applyBorder="1" applyAlignment="1">
      <alignment horizontal="center" vertical="center"/>
    </xf>
    <xf numFmtId="0" fontId="28" fillId="0" borderId="1" xfId="1" applyFont="1" applyBorder="1" applyAlignment="1">
      <alignment horizontal="center" vertical="center" shrinkToFit="1"/>
    </xf>
    <xf numFmtId="0" fontId="28" fillId="0" borderId="2" xfId="1" applyFont="1" applyBorder="1" applyAlignment="1">
      <alignment horizontal="center" vertical="center" shrinkToFit="1"/>
    </xf>
    <xf numFmtId="0" fontId="28" fillId="0" borderId="3" xfId="1" applyFont="1" applyBorder="1" applyAlignment="1">
      <alignment horizontal="center" vertical="center" shrinkToFit="1"/>
    </xf>
    <xf numFmtId="0" fontId="19" fillId="0" borderId="0" xfId="1" applyFont="1" applyAlignment="1">
      <alignment horizontal="center" vertical="center"/>
    </xf>
    <xf numFmtId="0" fontId="19" fillId="0" borderId="8" xfId="1" applyFont="1" applyBorder="1" applyAlignment="1">
      <alignment horizontal="center" vertical="center"/>
    </xf>
    <xf numFmtId="0" fontId="26" fillId="0" borderId="1" xfId="1" applyFont="1" applyBorder="1" applyAlignment="1">
      <alignment horizontal="center" vertical="center" shrinkToFit="1"/>
    </xf>
    <xf numFmtId="0" fontId="26" fillId="0" borderId="2" xfId="1" applyFont="1" applyBorder="1" applyAlignment="1">
      <alignment horizontal="center" vertical="center" shrinkToFit="1"/>
    </xf>
    <xf numFmtId="0" fontId="26" fillId="0" borderId="3" xfId="1" applyFont="1" applyBorder="1" applyAlignment="1">
      <alignment horizontal="center" vertical="center" shrinkToFit="1"/>
    </xf>
    <xf numFmtId="0" fontId="16" fillId="0" borderId="19" xfId="1" applyFont="1" applyBorder="1" applyAlignment="1">
      <alignment horizontal="center" vertical="center"/>
    </xf>
    <xf numFmtId="0" fontId="16" fillId="0" borderId="11" xfId="1" applyFont="1" applyBorder="1" applyAlignment="1">
      <alignment horizontal="center" vertical="center"/>
    </xf>
    <xf numFmtId="0" fontId="16" fillId="0" borderId="20" xfId="1" applyFont="1" applyBorder="1" applyAlignment="1">
      <alignment horizontal="center" vertical="center"/>
    </xf>
    <xf numFmtId="0" fontId="16" fillId="0" borderId="7" xfId="1" applyFont="1" applyBorder="1" applyAlignment="1">
      <alignment horizontal="center" vertical="center"/>
    </xf>
    <xf numFmtId="0" fontId="16" fillId="0" borderId="8" xfId="1" applyFont="1" applyBorder="1" applyAlignment="1">
      <alignment horizontal="center" vertical="center"/>
    </xf>
    <xf numFmtId="0" fontId="16" fillId="0" borderId="26" xfId="1" applyFont="1" applyBorder="1" applyAlignment="1">
      <alignment horizontal="center" vertical="center"/>
    </xf>
    <xf numFmtId="0" fontId="16" fillId="0" borderId="9" xfId="1" applyFont="1" applyBorder="1" applyAlignment="1">
      <alignment horizontal="center" vertical="center"/>
    </xf>
    <xf numFmtId="0" fontId="25" fillId="0" borderId="25" xfId="1" applyFont="1" applyBorder="1" applyAlignment="1">
      <alignment horizontal="center" vertical="center"/>
    </xf>
    <xf numFmtId="0" fontId="25" fillId="0" borderId="8" xfId="1" applyFont="1" applyBorder="1" applyAlignment="1">
      <alignment horizontal="center" vertical="center"/>
    </xf>
    <xf numFmtId="0" fontId="25" fillId="0" borderId="9" xfId="1" applyFont="1" applyBorder="1" applyAlignment="1">
      <alignment horizontal="center" vertical="center"/>
    </xf>
    <xf numFmtId="0" fontId="26" fillId="0" borderId="7" xfId="1" applyFont="1" applyBorder="1" applyAlignment="1">
      <alignment horizontal="center" vertical="center" shrinkToFit="1"/>
    </xf>
    <xf numFmtId="0" fontId="26" fillId="0" borderId="8" xfId="1" applyFont="1" applyBorder="1" applyAlignment="1">
      <alignment horizontal="center" vertical="center" shrinkToFit="1"/>
    </xf>
    <xf numFmtId="0" fontId="26" fillId="0" borderId="9" xfId="1" applyFont="1" applyBorder="1" applyAlignment="1">
      <alignment horizontal="center" vertical="center" shrinkToFit="1"/>
    </xf>
    <xf numFmtId="0" fontId="26" fillId="0" borderId="1" xfId="1" applyFont="1" applyBorder="1" applyAlignment="1">
      <alignment horizontal="center" vertical="center"/>
    </xf>
    <xf numFmtId="0" fontId="26" fillId="0" borderId="2" xfId="1" applyFont="1" applyBorder="1" applyAlignment="1">
      <alignment horizontal="center" vertical="center"/>
    </xf>
    <xf numFmtId="0" fontId="26" fillId="0" borderId="3" xfId="1" applyFont="1" applyBorder="1" applyAlignment="1">
      <alignment horizontal="center" vertical="center"/>
    </xf>
    <xf numFmtId="0" fontId="27" fillId="0" borderId="1" xfId="1" applyFont="1" applyBorder="1" applyAlignment="1">
      <alignment horizontal="center" vertical="center"/>
    </xf>
    <xf numFmtId="0" fontId="27" fillId="0" borderId="2" xfId="1" applyFont="1" applyBorder="1" applyAlignment="1">
      <alignment horizontal="center" vertical="center"/>
    </xf>
    <xf numFmtId="0" fontId="27" fillId="0" borderId="3" xfId="1" applyFont="1" applyBorder="1" applyAlignment="1">
      <alignment horizontal="center" vertical="center"/>
    </xf>
    <xf numFmtId="49" fontId="25" fillId="0" borderId="7" xfId="1" applyNumberFormat="1" applyFont="1" applyBorder="1" applyAlignment="1">
      <alignment horizontal="center" vertical="center"/>
    </xf>
    <xf numFmtId="49" fontId="25" fillId="0" borderId="8" xfId="1" applyNumberFormat="1" applyFont="1" applyBorder="1" applyAlignment="1">
      <alignment horizontal="center" vertical="center"/>
    </xf>
    <xf numFmtId="49" fontId="25" fillId="0" borderId="9" xfId="1" applyNumberFormat="1" applyFont="1" applyBorder="1" applyAlignment="1">
      <alignment horizontal="center" vertical="center"/>
    </xf>
    <xf numFmtId="0" fontId="16" fillId="0" borderId="10" xfId="1" applyFont="1" applyBorder="1" applyAlignment="1">
      <alignment horizontal="center" vertical="center"/>
    </xf>
    <xf numFmtId="0" fontId="16" fillId="0" borderId="12" xfId="1" applyFont="1" applyBorder="1" applyAlignment="1">
      <alignment horizontal="center" vertical="center"/>
    </xf>
    <xf numFmtId="0" fontId="16" fillId="0" borderId="25" xfId="1" applyFont="1" applyBorder="1" applyAlignment="1">
      <alignment horizontal="center" vertical="center"/>
    </xf>
    <xf numFmtId="0" fontId="16" fillId="0" borderId="16" xfId="1" applyFont="1" applyBorder="1" applyAlignment="1">
      <alignment horizontal="center" vertical="center"/>
    </xf>
    <xf numFmtId="0" fontId="16" fillId="0" borderId="17" xfId="1" applyFont="1" applyBorder="1" applyAlignment="1">
      <alignment horizontal="center" vertical="center"/>
    </xf>
    <xf numFmtId="0" fontId="16" fillId="0" borderId="18" xfId="1" applyFont="1" applyBorder="1" applyAlignment="1">
      <alignment horizontal="center" vertical="center"/>
    </xf>
    <xf numFmtId="0" fontId="25" fillId="0" borderId="7" xfId="1" applyFont="1" applyBorder="1" applyAlignment="1">
      <alignment horizontal="center" vertical="center"/>
    </xf>
    <xf numFmtId="0" fontId="25" fillId="0" borderId="26" xfId="1" applyFont="1" applyBorder="1" applyAlignment="1">
      <alignment horizontal="center" vertical="center"/>
    </xf>
    <xf numFmtId="49" fontId="18" fillId="0" borderId="5" xfId="1" applyNumberFormat="1" applyFont="1" applyBorder="1" applyAlignment="1">
      <alignment horizontal="center" vertical="center" shrinkToFit="1"/>
    </xf>
    <xf numFmtId="49" fontId="18" fillId="0" borderId="6" xfId="1" applyNumberFormat="1" applyFont="1" applyBorder="1" applyAlignment="1">
      <alignment horizontal="center" vertical="center" shrinkToFit="1"/>
    </xf>
    <xf numFmtId="0" fontId="16" fillId="0" borderId="5" xfId="1" applyFont="1" applyBorder="1" applyAlignment="1">
      <alignment horizontal="center" vertical="center" wrapText="1"/>
    </xf>
    <xf numFmtId="0" fontId="16" fillId="0" borderId="5" xfId="1" applyFont="1" applyBorder="1" applyAlignment="1">
      <alignment horizontal="center" vertical="center"/>
    </xf>
    <xf numFmtId="0" fontId="16" fillId="0" borderId="37" xfId="1" applyFont="1" applyBorder="1" applyAlignment="1">
      <alignment horizontal="center" vertical="center"/>
    </xf>
    <xf numFmtId="0" fontId="16" fillId="0" borderId="36" xfId="1" applyFont="1" applyBorder="1" applyAlignment="1">
      <alignment horizontal="center" vertical="center"/>
    </xf>
    <xf numFmtId="0" fontId="16" fillId="0" borderId="38" xfId="1" applyFont="1" applyBorder="1" applyAlignment="1">
      <alignment horizontal="center" vertical="center"/>
    </xf>
    <xf numFmtId="0" fontId="3" fillId="0" borderId="39" xfId="1" applyFont="1" applyBorder="1" applyAlignment="1">
      <alignment horizontal="center" vertical="center"/>
    </xf>
    <xf numFmtId="0" fontId="3" fillId="0" borderId="37" xfId="1" applyFont="1" applyBorder="1" applyAlignment="1">
      <alignment horizontal="center" vertical="center"/>
    </xf>
    <xf numFmtId="0" fontId="3" fillId="0" borderId="38" xfId="1" applyFont="1" applyBorder="1" applyAlignment="1">
      <alignment horizontal="center" vertical="center"/>
    </xf>
    <xf numFmtId="0" fontId="18" fillId="0" borderId="39" xfId="1" applyFont="1" applyBorder="1" applyAlignment="1">
      <alignment horizontal="center" vertical="center"/>
    </xf>
    <xf numFmtId="0" fontId="18" fillId="0" borderId="37" xfId="1" applyFont="1" applyBorder="1" applyAlignment="1">
      <alignment horizontal="center" vertical="center"/>
    </xf>
    <xf numFmtId="0" fontId="18" fillId="0" borderId="38" xfId="1" applyFont="1" applyBorder="1" applyAlignment="1">
      <alignment horizontal="center" vertical="center"/>
    </xf>
    <xf numFmtId="49" fontId="18" fillId="0" borderId="39" xfId="1" applyNumberFormat="1" applyFont="1" applyBorder="1" applyAlignment="1">
      <alignment horizontal="center" vertical="center" shrinkToFit="1"/>
    </xf>
    <xf numFmtId="49" fontId="18" fillId="0" borderId="37" xfId="1" applyNumberFormat="1" applyFont="1" applyBorder="1" applyAlignment="1">
      <alignment horizontal="center" vertical="center" shrinkToFit="1"/>
    </xf>
    <xf numFmtId="49" fontId="18" fillId="0" borderId="40" xfId="1" applyNumberFormat="1" applyFont="1" applyBorder="1" applyAlignment="1">
      <alignment horizontal="center" vertical="center" shrinkToFit="1"/>
    </xf>
    <xf numFmtId="0" fontId="17" fillId="0" borderId="31" xfId="1" applyFont="1" applyBorder="1" applyAlignment="1">
      <alignment horizontal="center" vertical="center"/>
    </xf>
    <xf numFmtId="0" fontId="17" fillId="0" borderId="32" xfId="1" applyFont="1" applyBorder="1" applyAlignment="1">
      <alignment horizontal="center" vertical="center"/>
    </xf>
    <xf numFmtId="0" fontId="17" fillId="0" borderId="33" xfId="1" applyFont="1" applyBorder="1" applyAlignment="1">
      <alignment horizontal="center" vertical="center"/>
    </xf>
    <xf numFmtId="0" fontId="16" fillId="0" borderId="34" xfId="1" applyFont="1" applyBorder="1" applyAlignment="1">
      <alignment horizontal="center" vertical="center"/>
    </xf>
    <xf numFmtId="0" fontId="16" fillId="0" borderId="32" xfId="1" applyFont="1" applyBorder="1" applyAlignment="1">
      <alignment horizontal="center" vertical="center"/>
    </xf>
    <xf numFmtId="0" fontId="16" fillId="0" borderId="33" xfId="1" applyFont="1" applyBorder="1" applyAlignment="1">
      <alignment horizontal="center" vertical="center"/>
    </xf>
    <xf numFmtId="0" fontId="24" fillId="0" borderId="4" xfId="1" applyFont="1" applyBorder="1" applyAlignment="1">
      <alignment horizontal="center" vertical="center"/>
    </xf>
    <xf numFmtId="0" fontId="24" fillId="0" borderId="5" xfId="1" applyFont="1" applyBorder="1" applyAlignment="1">
      <alignment horizontal="center" vertical="center"/>
    </xf>
    <xf numFmtId="0" fontId="24" fillId="0" borderId="6" xfId="1" applyFont="1" applyBorder="1" applyAlignment="1">
      <alignment horizontal="center" vertical="center"/>
    </xf>
    <xf numFmtId="0" fontId="24" fillId="0" borderId="39" xfId="1" applyFont="1" applyBorder="1" applyAlignment="1">
      <alignment horizontal="center" vertical="center"/>
    </xf>
    <xf numFmtId="0" fontId="24" fillId="0" borderId="37" xfId="1" applyFont="1" applyBorder="1" applyAlignment="1">
      <alignment horizontal="center" vertical="center"/>
    </xf>
    <xf numFmtId="0" fontId="24" fillId="0" borderId="38" xfId="1" applyFont="1" applyBorder="1" applyAlignment="1">
      <alignment horizontal="center" vertical="center"/>
    </xf>
    <xf numFmtId="0" fontId="16" fillId="0" borderId="37" xfId="1" applyFont="1" applyBorder="1" applyAlignment="1">
      <alignment horizontal="center" vertical="center" wrapText="1"/>
    </xf>
    <xf numFmtId="0" fontId="18" fillId="0" borderId="5" xfId="1" applyFont="1" applyBorder="1" applyAlignment="1">
      <alignment horizontal="center" vertical="center"/>
    </xf>
    <xf numFmtId="0" fontId="3" fillId="0" borderId="7" xfId="1" applyFont="1" applyBorder="1" applyAlignment="1">
      <alignment horizontal="center" vertical="center"/>
    </xf>
    <xf numFmtId="0" fontId="3" fillId="0" borderId="8" xfId="1" applyFont="1" applyBorder="1" applyAlignment="1">
      <alignment horizontal="center" vertical="center"/>
    </xf>
    <xf numFmtId="0" fontId="3" fillId="0" borderId="9" xfId="1" applyFont="1" applyBorder="1" applyAlignment="1">
      <alignment horizontal="center" vertical="center"/>
    </xf>
    <xf numFmtId="0" fontId="18" fillId="0" borderId="7" xfId="1" applyFont="1" applyBorder="1" applyAlignment="1">
      <alignment horizontal="center" vertical="center"/>
    </xf>
    <xf numFmtId="0" fontId="18" fillId="0" borderId="8" xfId="1" applyFont="1" applyBorder="1" applyAlignment="1">
      <alignment horizontal="center" vertical="center"/>
    </xf>
    <xf numFmtId="0" fontId="18" fillId="0" borderId="9" xfId="1" applyFont="1" applyBorder="1" applyAlignment="1">
      <alignment horizontal="center" vertical="center"/>
    </xf>
    <xf numFmtId="49" fontId="18" fillId="0" borderId="7" xfId="1" applyNumberFormat="1" applyFont="1" applyBorder="1" applyAlignment="1">
      <alignment horizontal="center" vertical="center" shrinkToFit="1"/>
    </xf>
    <xf numFmtId="49" fontId="18" fillId="0" borderId="8" xfId="1" applyNumberFormat="1" applyFont="1" applyBorder="1" applyAlignment="1">
      <alignment horizontal="center" vertical="center" shrinkToFit="1"/>
    </xf>
    <xf numFmtId="49" fontId="18" fillId="0" borderId="26" xfId="1" applyNumberFormat="1" applyFont="1" applyBorder="1" applyAlignment="1">
      <alignment horizontal="center" vertical="center" shrinkToFit="1"/>
    </xf>
    <xf numFmtId="0" fontId="24" fillId="0" borderId="7" xfId="1" applyFont="1" applyBorder="1" applyAlignment="1">
      <alignment horizontal="center" vertical="center"/>
    </xf>
    <xf numFmtId="0" fontId="24" fillId="0" borderId="8" xfId="1" applyFont="1" applyBorder="1" applyAlignment="1">
      <alignment horizontal="center" vertical="center"/>
    </xf>
    <xf numFmtId="0" fontId="24" fillId="0" borderId="9" xfId="1" applyFont="1" applyBorder="1" applyAlignment="1">
      <alignment horizontal="center" vertical="center"/>
    </xf>
    <xf numFmtId="0" fontId="16" fillId="0" borderId="8" xfId="1" applyFont="1" applyBorder="1" applyAlignment="1">
      <alignment horizontal="center" vertical="center" wrapText="1"/>
    </xf>
    <xf numFmtId="0" fontId="16" fillId="0" borderId="27" xfId="1" applyFont="1" applyBorder="1" applyAlignment="1">
      <alignment horizontal="center" vertical="center"/>
    </xf>
    <xf numFmtId="0" fontId="16" fillId="0" borderId="28" xfId="1" applyFont="1" applyBorder="1" applyAlignment="1">
      <alignment horizontal="center" vertical="center"/>
    </xf>
    <xf numFmtId="49" fontId="23" fillId="0" borderId="28" xfId="1" applyNumberFormat="1" applyFont="1" applyBorder="1" applyAlignment="1">
      <alignment horizontal="center" vertical="center"/>
    </xf>
    <xf numFmtId="49" fontId="20" fillId="0" borderId="28" xfId="1" applyNumberFormat="1" applyFont="1" applyBorder="1" applyAlignment="1">
      <alignment horizontal="center" vertical="center"/>
    </xf>
    <xf numFmtId="49" fontId="20" fillId="0" borderId="29" xfId="1" applyNumberFormat="1" applyFont="1" applyBorder="1" applyAlignment="1">
      <alignment horizontal="center" vertical="center"/>
    </xf>
    <xf numFmtId="0" fontId="16" fillId="0" borderId="30" xfId="1" applyFont="1" applyBorder="1" applyAlignment="1">
      <alignment horizontal="center" vertical="center"/>
    </xf>
    <xf numFmtId="0" fontId="16" fillId="0" borderId="6" xfId="1" applyFont="1" applyBorder="1" applyAlignment="1">
      <alignment horizontal="center" vertical="center"/>
    </xf>
    <xf numFmtId="49" fontId="22" fillId="0" borderId="1" xfId="2" applyNumberFormat="1" applyFont="1" applyBorder="1" applyAlignment="1" applyProtection="1">
      <alignment horizontal="center" vertical="center" shrinkToFit="1"/>
      <protection locked="0"/>
    </xf>
    <xf numFmtId="49" fontId="22" fillId="0" borderId="2" xfId="2" applyNumberFormat="1" applyFont="1" applyBorder="1" applyAlignment="1" applyProtection="1">
      <alignment horizontal="center" vertical="center" shrinkToFit="1"/>
      <protection locked="0"/>
    </xf>
    <xf numFmtId="49" fontId="22" fillId="0" borderId="3" xfId="2" applyNumberFormat="1" applyFont="1" applyBorder="1" applyAlignment="1" applyProtection="1">
      <alignment horizontal="center" vertical="center" shrinkToFit="1"/>
      <protection locked="0"/>
    </xf>
    <xf numFmtId="0" fontId="1" fillId="0" borderId="27" xfId="1" applyBorder="1" applyAlignment="1">
      <alignment horizontal="center" vertical="center"/>
    </xf>
    <xf numFmtId="0" fontId="1" fillId="0" borderId="28" xfId="1" applyBorder="1" applyAlignment="1">
      <alignment horizontal="center" vertical="center"/>
    </xf>
    <xf numFmtId="0" fontId="16" fillId="0" borderId="29" xfId="1" applyFont="1" applyBorder="1" applyAlignment="1">
      <alignment horizontal="center" vertical="center"/>
    </xf>
    <xf numFmtId="0" fontId="16" fillId="0" borderId="10" xfId="1" applyFont="1" applyBorder="1" applyAlignment="1">
      <alignment horizontal="center" vertical="center" wrapText="1"/>
    </xf>
    <xf numFmtId="0" fontId="16" fillId="0" borderId="11" xfId="1" applyFont="1" applyBorder="1" applyAlignment="1">
      <alignment horizontal="center" vertical="center" wrapText="1"/>
    </xf>
    <xf numFmtId="0" fontId="16" fillId="0" borderId="12" xfId="1" applyFont="1" applyBorder="1" applyAlignment="1">
      <alignment horizontal="center" vertical="center" wrapText="1"/>
    </xf>
    <xf numFmtId="0" fontId="16" fillId="0" borderId="21" xfId="1" applyFont="1" applyBorder="1" applyAlignment="1">
      <alignment horizontal="center" vertical="center" wrapText="1"/>
    </xf>
    <xf numFmtId="0" fontId="16" fillId="0" borderId="0" xfId="1" applyFont="1" applyAlignment="1">
      <alignment horizontal="center" vertical="center" wrapText="1"/>
    </xf>
    <xf numFmtId="0" fontId="16" fillId="0" borderId="22" xfId="1" applyFont="1" applyBorder="1" applyAlignment="1">
      <alignment horizontal="center" vertical="center" wrapText="1"/>
    </xf>
    <xf numFmtId="0" fontId="16" fillId="0" borderId="25" xfId="1" applyFont="1" applyBorder="1" applyAlignment="1">
      <alignment horizontal="center" vertical="center" wrapText="1"/>
    </xf>
    <xf numFmtId="0" fontId="16" fillId="0" borderId="9" xfId="1" applyFont="1" applyBorder="1" applyAlignment="1">
      <alignment horizontal="center" vertical="center" wrapText="1"/>
    </xf>
    <xf numFmtId="0" fontId="17" fillId="0" borderId="13" xfId="1" applyFont="1" applyBorder="1" applyAlignment="1">
      <alignment horizontal="center" vertical="center"/>
    </xf>
    <xf numFmtId="0" fontId="17" fillId="0" borderId="14" xfId="1" applyFont="1" applyBorder="1" applyAlignment="1">
      <alignment horizontal="center" vertical="center"/>
    </xf>
    <xf numFmtId="0" fontId="16" fillId="0" borderId="14" xfId="1" applyFont="1" applyBorder="1" applyAlignment="1">
      <alignment horizontal="center" vertical="center"/>
    </xf>
    <xf numFmtId="0" fontId="16" fillId="0" borderId="15" xfId="1" applyFont="1" applyBorder="1" applyAlignment="1">
      <alignment horizontal="center" vertical="center"/>
    </xf>
    <xf numFmtId="0" fontId="16" fillId="0" borderId="16" xfId="1" applyFont="1" applyBorder="1" applyAlignment="1">
      <alignment horizontal="left" vertical="center" shrinkToFit="1"/>
    </xf>
    <xf numFmtId="0" fontId="16" fillId="0" borderId="17" xfId="1" applyFont="1" applyBorder="1" applyAlignment="1">
      <alignment horizontal="left" vertical="center" shrinkToFit="1"/>
    </xf>
    <xf numFmtId="0" fontId="16" fillId="0" borderId="18" xfId="1" applyFont="1" applyBorder="1" applyAlignment="1">
      <alignment horizontal="left" vertical="center" shrinkToFit="1"/>
    </xf>
    <xf numFmtId="0" fontId="7" fillId="0" borderId="1" xfId="1" applyFont="1" applyBorder="1" applyAlignment="1">
      <alignment horizontal="center" vertical="center"/>
    </xf>
    <xf numFmtId="0" fontId="7" fillId="0" borderId="2" xfId="1" applyFont="1" applyBorder="1" applyAlignment="1">
      <alignment horizontal="center" vertical="center"/>
    </xf>
    <xf numFmtId="0" fontId="7" fillId="0" borderId="3" xfId="1" applyFont="1" applyBorder="1" applyAlignment="1">
      <alignment horizontal="center" vertic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right" vertical="center"/>
    </xf>
    <xf numFmtId="0" fontId="10" fillId="0" borderId="4" xfId="1" applyFont="1" applyBorder="1" applyAlignment="1">
      <alignment horizontal="center" vertical="center"/>
    </xf>
    <xf numFmtId="0" fontId="10" fillId="0" borderId="5" xfId="1" applyFont="1" applyBorder="1" applyAlignment="1">
      <alignment horizontal="center" vertical="center"/>
    </xf>
    <xf numFmtId="0" fontId="10" fillId="0" borderId="6" xfId="1" applyFont="1" applyBorder="1" applyAlignment="1">
      <alignment horizontal="center" vertical="center"/>
    </xf>
    <xf numFmtId="0" fontId="10" fillId="0" borderId="7" xfId="1" applyFont="1" applyBorder="1" applyAlignment="1">
      <alignment horizontal="center" vertical="center"/>
    </xf>
    <xf numFmtId="0" fontId="10" fillId="0" borderId="8" xfId="1" applyFont="1" applyBorder="1" applyAlignment="1">
      <alignment horizontal="center" vertical="center"/>
    </xf>
    <xf numFmtId="0" fontId="10" fillId="0" borderId="9" xfId="1" applyFont="1" applyBorder="1" applyAlignment="1">
      <alignment horizontal="center" vertical="center"/>
    </xf>
    <xf numFmtId="0" fontId="3" fillId="0" borderId="0" xfId="1" applyFont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6" fillId="0" borderId="19" xfId="1" applyFont="1" applyBorder="1" applyAlignment="1">
      <alignment horizontal="center" vertical="center" wrapText="1"/>
    </xf>
    <xf numFmtId="0" fontId="16" fillId="0" borderId="23" xfId="1" applyFont="1" applyBorder="1" applyAlignment="1">
      <alignment horizontal="center" vertical="center" wrapText="1"/>
    </xf>
    <xf numFmtId="0" fontId="16" fillId="0" borderId="7" xfId="1" applyFont="1" applyBorder="1" applyAlignment="1">
      <alignment horizontal="center" vertical="center" wrapText="1"/>
    </xf>
    <xf numFmtId="0" fontId="18" fillId="0" borderId="19" xfId="1" applyFont="1" applyBorder="1" applyAlignment="1">
      <alignment horizontal="center" vertical="center" wrapText="1"/>
    </xf>
    <xf numFmtId="0" fontId="18" fillId="0" borderId="11" xfId="1" applyFont="1" applyBorder="1" applyAlignment="1">
      <alignment horizontal="center" vertical="center" wrapText="1"/>
    </xf>
    <xf numFmtId="0" fontId="18" fillId="0" borderId="23" xfId="1" applyFont="1" applyBorder="1" applyAlignment="1">
      <alignment horizontal="center" vertical="center" wrapText="1"/>
    </xf>
    <xf numFmtId="0" fontId="18" fillId="0" borderId="0" xfId="1" applyFont="1" applyAlignment="1">
      <alignment horizontal="center" vertical="center" wrapText="1"/>
    </xf>
    <xf numFmtId="0" fontId="18" fillId="0" borderId="7" xfId="1" applyFont="1" applyBorder="1" applyAlignment="1">
      <alignment horizontal="center" vertical="center" wrapText="1"/>
    </xf>
    <xf numFmtId="0" fontId="18" fillId="0" borderId="8" xfId="1" applyFont="1" applyBorder="1" applyAlignment="1">
      <alignment horizontal="center" vertical="center" wrapText="1"/>
    </xf>
    <xf numFmtId="0" fontId="16" fillId="0" borderId="23" xfId="1" applyFont="1" applyBorder="1" applyAlignment="1">
      <alignment horizontal="center" vertical="center"/>
    </xf>
    <xf numFmtId="0" fontId="16" fillId="0" borderId="22" xfId="1" applyFont="1" applyBorder="1" applyAlignment="1">
      <alignment horizontal="center" vertical="center"/>
    </xf>
    <xf numFmtId="0" fontId="19" fillId="0" borderId="19" xfId="1" applyFont="1" applyBorder="1" applyAlignment="1">
      <alignment horizontal="center" vertical="center"/>
    </xf>
    <xf numFmtId="0" fontId="19" fillId="0" borderId="11" xfId="1" applyFont="1" applyBorder="1" applyAlignment="1">
      <alignment horizontal="center" vertical="center"/>
    </xf>
    <xf numFmtId="0" fontId="19" fillId="0" borderId="20" xfId="1" applyFont="1" applyBorder="1" applyAlignment="1">
      <alignment horizontal="center" vertical="center"/>
    </xf>
    <xf numFmtId="0" fontId="19" fillId="0" borderId="23" xfId="1" applyFont="1" applyBorder="1" applyAlignment="1">
      <alignment horizontal="center" vertical="center"/>
    </xf>
    <xf numFmtId="0" fontId="19" fillId="0" borderId="24" xfId="1" applyFont="1" applyBorder="1" applyAlignment="1">
      <alignment horizontal="center" vertical="center"/>
    </xf>
    <xf numFmtId="0" fontId="19" fillId="0" borderId="7" xfId="1" applyFont="1" applyBorder="1" applyAlignment="1">
      <alignment horizontal="center" vertical="center"/>
    </xf>
    <xf numFmtId="0" fontId="19" fillId="0" borderId="26" xfId="1" applyFont="1" applyBorder="1" applyAlignment="1">
      <alignment horizontal="center" vertical="center"/>
    </xf>
    <xf numFmtId="0" fontId="11" fillId="0" borderId="23" xfId="1" applyFont="1" applyBorder="1" applyAlignment="1">
      <alignment horizontal="center" vertical="center"/>
    </xf>
    <xf numFmtId="0" fontId="11" fillId="0" borderId="22" xfId="1" applyFont="1" applyBorder="1" applyAlignment="1">
      <alignment horizontal="center" vertical="center"/>
    </xf>
    <xf numFmtId="0" fontId="11" fillId="0" borderId="7" xfId="1" applyFont="1" applyBorder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1" fillId="0" borderId="9" xfId="1" applyFont="1" applyBorder="1" applyAlignment="1">
      <alignment horizontal="center" vertical="center"/>
    </xf>
    <xf numFmtId="49" fontId="20" fillId="0" borderId="23" xfId="1" applyNumberFormat="1" applyFont="1" applyBorder="1" applyAlignment="1">
      <alignment horizontal="center" vertical="center"/>
    </xf>
    <xf numFmtId="49" fontId="20" fillId="0" borderId="0" xfId="1" applyNumberFormat="1" applyFont="1" applyAlignment="1">
      <alignment horizontal="center" vertical="center"/>
    </xf>
    <xf numFmtId="49" fontId="20" fillId="0" borderId="22" xfId="1" applyNumberFormat="1" applyFont="1" applyBorder="1" applyAlignment="1">
      <alignment horizontal="center" vertical="center"/>
    </xf>
    <xf numFmtId="49" fontId="20" fillId="0" borderId="7" xfId="1" applyNumberFormat="1" applyFont="1" applyBorder="1" applyAlignment="1">
      <alignment horizontal="center" vertical="center"/>
    </xf>
    <xf numFmtId="49" fontId="20" fillId="0" borderId="8" xfId="1" applyNumberFormat="1" applyFont="1" applyBorder="1" applyAlignment="1">
      <alignment horizontal="center" vertical="center"/>
    </xf>
    <xf numFmtId="49" fontId="20" fillId="0" borderId="9" xfId="1" applyNumberFormat="1" applyFont="1" applyBorder="1" applyAlignment="1">
      <alignment horizontal="center" vertical="center"/>
    </xf>
    <xf numFmtId="0" fontId="5" fillId="0" borderId="0" xfId="1" applyFont="1" applyAlignment="1">
      <alignment horizontal="right"/>
    </xf>
    <xf numFmtId="0" fontId="5" fillId="0" borderId="0" xfId="1" applyFont="1" applyAlignment="1">
      <alignment horizontal="center"/>
    </xf>
    <xf numFmtId="0" fontId="5" fillId="0" borderId="0" xfId="1" applyFont="1" applyAlignment="1">
      <alignment horizontal="left"/>
    </xf>
  </cellXfs>
  <cellStyles count="3">
    <cellStyle name="標準" xfId="0" builtinId="0"/>
    <cellStyle name="標準 2" xfId="2"/>
    <cellStyle name="標準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7</xdr:col>
      <xdr:colOff>95250</xdr:colOff>
      <xdr:row>36</xdr:row>
      <xdr:rowOff>152400</xdr:rowOff>
    </xdr:from>
    <xdr:ext cx="167990" cy="184745"/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CBE2C384-D717-4D8F-BB0A-6A99959348F7}"/>
            </a:ext>
          </a:extLst>
        </xdr:cNvPr>
        <xdr:cNvSpPr/>
      </xdr:nvSpPr>
      <xdr:spPr>
        <a:xfrm>
          <a:off x="2038350" y="5810250"/>
          <a:ext cx="167990" cy="184745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年</a:t>
          </a:r>
        </a:p>
      </xdr:txBody>
    </xdr:sp>
    <xdr:clientData/>
  </xdr:oneCellAnchor>
  <xdr:oneCellAnchor>
    <xdr:from>
      <xdr:col>56</xdr:col>
      <xdr:colOff>95249</xdr:colOff>
      <xdr:row>36</xdr:row>
      <xdr:rowOff>142875</xdr:rowOff>
    </xdr:from>
    <xdr:ext cx="190501" cy="184745"/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39C2BF1B-0C78-4E3B-956E-BBCE4AF004D8}"/>
            </a:ext>
          </a:extLst>
        </xdr:cNvPr>
        <xdr:cNvSpPr/>
      </xdr:nvSpPr>
      <xdr:spPr>
        <a:xfrm>
          <a:off x="6496049" y="5800725"/>
          <a:ext cx="190501" cy="184745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9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㎝</a:t>
          </a:r>
        </a:p>
      </xdr:txBody>
    </xdr:sp>
    <xdr:clientData/>
  </xdr:oneCellAnchor>
  <xdr:oneCellAnchor>
    <xdr:from>
      <xdr:col>20</xdr:col>
      <xdr:colOff>114300</xdr:colOff>
      <xdr:row>24</xdr:row>
      <xdr:rowOff>44450</xdr:rowOff>
    </xdr:from>
    <xdr:ext cx="158108" cy="197941"/>
    <xdr:sp macro="" textlink="">
      <xdr:nvSpPr>
        <xdr:cNvPr id="4" name="正方形/長方形 3">
          <a:extLst>
            <a:ext uri="{FF2B5EF4-FFF2-40B4-BE49-F238E27FC236}">
              <a16:creationId xmlns:a16="http://schemas.microsoft.com/office/drawing/2014/main" id="{6BB0E326-8881-4D2D-97E6-4EE591218107}"/>
            </a:ext>
          </a:extLst>
        </xdr:cNvPr>
        <xdr:cNvSpPr/>
      </xdr:nvSpPr>
      <xdr:spPr>
        <a:xfrm>
          <a:off x="2400300" y="3663950"/>
          <a:ext cx="158108" cy="197941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才</a:t>
          </a:r>
        </a:p>
      </xdr:txBody>
    </xdr:sp>
    <xdr:clientData/>
  </xdr:oneCellAnchor>
  <xdr:oneCellAnchor>
    <xdr:from>
      <xdr:col>20</xdr:col>
      <xdr:colOff>114300</xdr:colOff>
      <xdr:row>26</xdr:row>
      <xdr:rowOff>44450</xdr:rowOff>
    </xdr:from>
    <xdr:ext cx="158108" cy="197941"/>
    <xdr:sp macro="" textlink="">
      <xdr:nvSpPr>
        <xdr:cNvPr id="5" name="正方形/長方形 4">
          <a:extLst>
            <a:ext uri="{FF2B5EF4-FFF2-40B4-BE49-F238E27FC236}">
              <a16:creationId xmlns:a16="http://schemas.microsoft.com/office/drawing/2014/main" id="{841F8E44-8E70-4463-8223-66A79A2B199B}"/>
            </a:ext>
          </a:extLst>
        </xdr:cNvPr>
        <xdr:cNvSpPr/>
      </xdr:nvSpPr>
      <xdr:spPr>
        <a:xfrm>
          <a:off x="2400300" y="4064000"/>
          <a:ext cx="158108" cy="197941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才</a:t>
          </a:r>
        </a:p>
      </xdr:txBody>
    </xdr:sp>
    <xdr:clientData/>
  </xdr:oneCellAnchor>
  <xdr:oneCellAnchor>
    <xdr:from>
      <xdr:col>20</xdr:col>
      <xdr:colOff>114300</xdr:colOff>
      <xdr:row>28</xdr:row>
      <xdr:rowOff>44450</xdr:rowOff>
    </xdr:from>
    <xdr:ext cx="158108" cy="197941"/>
    <xdr:sp macro="" textlink="">
      <xdr:nvSpPr>
        <xdr:cNvPr id="6" name="正方形/長方形 5">
          <a:extLst>
            <a:ext uri="{FF2B5EF4-FFF2-40B4-BE49-F238E27FC236}">
              <a16:creationId xmlns:a16="http://schemas.microsoft.com/office/drawing/2014/main" id="{A68B3114-1225-4B78-856C-5224CD55D70E}"/>
            </a:ext>
          </a:extLst>
        </xdr:cNvPr>
        <xdr:cNvSpPr/>
      </xdr:nvSpPr>
      <xdr:spPr>
        <a:xfrm>
          <a:off x="2400300" y="4464050"/>
          <a:ext cx="158108" cy="197941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才</a:t>
          </a:r>
        </a:p>
      </xdr:txBody>
    </xdr:sp>
    <xdr:clientData/>
  </xdr:oneCellAnchor>
  <xdr:oneCellAnchor>
    <xdr:from>
      <xdr:col>20</xdr:col>
      <xdr:colOff>114300</xdr:colOff>
      <xdr:row>30</xdr:row>
      <xdr:rowOff>44450</xdr:rowOff>
    </xdr:from>
    <xdr:ext cx="158108" cy="197941"/>
    <xdr:sp macro="" textlink="">
      <xdr:nvSpPr>
        <xdr:cNvPr id="7" name="正方形/長方形 6">
          <a:extLst>
            <a:ext uri="{FF2B5EF4-FFF2-40B4-BE49-F238E27FC236}">
              <a16:creationId xmlns:a16="http://schemas.microsoft.com/office/drawing/2014/main" id="{8F9E2B72-5AC6-439C-9BC6-886301F8674B}"/>
            </a:ext>
          </a:extLst>
        </xdr:cNvPr>
        <xdr:cNvSpPr/>
      </xdr:nvSpPr>
      <xdr:spPr>
        <a:xfrm>
          <a:off x="2400300" y="4864100"/>
          <a:ext cx="158108" cy="197941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才</a:t>
          </a:r>
        </a:p>
      </xdr:txBody>
    </xdr:sp>
    <xdr:clientData/>
  </xdr:oneCellAnchor>
  <xdr:oneCellAnchor>
    <xdr:from>
      <xdr:col>17</xdr:col>
      <xdr:colOff>95250</xdr:colOff>
      <xdr:row>36</xdr:row>
      <xdr:rowOff>152400</xdr:rowOff>
    </xdr:from>
    <xdr:ext cx="167990" cy="184745"/>
    <xdr:sp macro="" textlink="">
      <xdr:nvSpPr>
        <xdr:cNvPr id="8" name="正方形/長方形 7">
          <a:extLst>
            <a:ext uri="{FF2B5EF4-FFF2-40B4-BE49-F238E27FC236}">
              <a16:creationId xmlns:a16="http://schemas.microsoft.com/office/drawing/2014/main" id="{701D01C6-D134-4413-BD61-6E1A31EC4973}"/>
            </a:ext>
          </a:extLst>
        </xdr:cNvPr>
        <xdr:cNvSpPr/>
      </xdr:nvSpPr>
      <xdr:spPr>
        <a:xfrm>
          <a:off x="2038350" y="5810250"/>
          <a:ext cx="167990" cy="184745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年</a:t>
          </a:r>
        </a:p>
      </xdr:txBody>
    </xdr:sp>
    <xdr:clientData/>
  </xdr:oneCellAnchor>
  <xdr:twoCellAnchor editAs="oneCell">
    <xdr:from>
      <xdr:col>12</xdr:col>
      <xdr:colOff>104775</xdr:colOff>
      <xdr:row>0</xdr:row>
      <xdr:rowOff>0</xdr:rowOff>
    </xdr:from>
    <xdr:to>
      <xdr:col>43</xdr:col>
      <xdr:colOff>3174</xdr:colOff>
      <xdr:row>3</xdr:row>
      <xdr:rowOff>116541</xdr:rowOff>
    </xdr:to>
    <xdr:pic>
      <xdr:nvPicPr>
        <xdr:cNvPr id="9" name="図 2">
          <a:extLst>
            <a:ext uri="{FF2B5EF4-FFF2-40B4-BE49-F238E27FC236}">
              <a16:creationId xmlns:a16="http://schemas.microsoft.com/office/drawing/2014/main" id="{EA233C01-F1B1-40A1-8469-E661211702C9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476375" y="0"/>
          <a:ext cx="3441699" cy="47849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mkf-picodrive\&#37096;&#27963;&#38306;&#20418;\VolleyBall\&#12356;&#12435;&#12381;&#12388;5.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設定"/>
      <sheetName val="引率届"/>
      <sheetName val="請求書"/>
      <sheetName val="請求書２"/>
      <sheetName val="サーブ"/>
      <sheetName val="引率届（組）"/>
      <sheetName val="引率届（組） (2)"/>
      <sheetName val="引率届（全）"/>
      <sheetName val="引率届（全）２"/>
      <sheetName val="出欠表"/>
      <sheetName val="出欠表 (2)"/>
      <sheetName val="出欠表 (3)"/>
      <sheetName val="出欠確認表"/>
      <sheetName val="長期休業出欠表"/>
      <sheetName val="長期休業出欠表 (2)"/>
      <sheetName val="大会夏"/>
      <sheetName val="大会冬"/>
      <sheetName val="市スポ申込書"/>
      <sheetName val="市スポ申込書 (2)"/>
      <sheetName val="リスト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 refreshError="1"/>
      <sheetData sheetId="17" refreshError="1"/>
      <sheetData sheetId="18" refreshError="1"/>
      <sheetData sheetId="19">
        <row r="2">
          <cell r="A2">
            <v>1</v>
          </cell>
          <cell r="B2">
            <v>24</v>
          </cell>
          <cell r="C2">
            <v>1</v>
          </cell>
          <cell r="D2">
            <v>1</v>
          </cell>
          <cell r="E2">
            <v>1</v>
          </cell>
          <cell r="F2" t="str">
            <v>00</v>
          </cell>
          <cell r="G2" t="str">
            <v>月</v>
          </cell>
          <cell r="H2" t="str">
            <v>バレーボール</v>
          </cell>
          <cell r="I2" t="str">
            <v>川合一広</v>
          </cell>
          <cell r="J2" t="str">
            <v>菊住</v>
          </cell>
          <cell r="K2" t="str">
            <v>名東ＳＣ</v>
          </cell>
          <cell r="L2" t="str">
            <v>練　習　試　合</v>
          </cell>
          <cell r="M2" t="str">
            <v>キャプテン</v>
          </cell>
          <cell r="O2" t="str">
            <v>（徒歩）</v>
          </cell>
        </row>
        <row r="3">
          <cell r="A3">
            <v>2</v>
          </cell>
          <cell r="B3">
            <v>25</v>
          </cell>
          <cell r="C3">
            <v>2</v>
          </cell>
          <cell r="D3">
            <v>2</v>
          </cell>
          <cell r="E3">
            <v>2</v>
          </cell>
          <cell r="F3">
            <v>10</v>
          </cell>
          <cell r="G3" t="str">
            <v>火</v>
          </cell>
          <cell r="H3" t="str">
            <v>バスケットボール</v>
          </cell>
          <cell r="I3" t="str">
            <v>後藤　夢子</v>
          </cell>
          <cell r="J3" t="str">
            <v>穂波</v>
          </cell>
          <cell r="K3" t="str">
            <v>千種ＳＣ</v>
          </cell>
          <cell r="L3" t="str">
            <v>公　式　試　合</v>
          </cell>
          <cell r="M3" t="str">
            <v>副キャプテン</v>
          </cell>
          <cell r="O3" t="str">
            <v>（地下鉄）</v>
          </cell>
        </row>
        <row r="4">
          <cell r="A4">
            <v>3</v>
          </cell>
          <cell r="B4">
            <v>26</v>
          </cell>
          <cell r="C4">
            <v>3</v>
          </cell>
          <cell r="D4">
            <v>3</v>
          </cell>
          <cell r="E4">
            <v>3</v>
          </cell>
          <cell r="F4">
            <v>20</v>
          </cell>
          <cell r="G4" t="str">
            <v>水</v>
          </cell>
          <cell r="H4" t="str">
            <v>野球</v>
          </cell>
          <cell r="I4" t="str">
            <v>大西　景子</v>
          </cell>
          <cell r="K4" t="str">
            <v>穂波小学校</v>
          </cell>
          <cell r="L4" t="str">
            <v>市民スポーツ祭</v>
          </cell>
          <cell r="M4" t="str">
            <v>学年代表</v>
          </cell>
          <cell r="O4" t="str">
            <v>（市バス）</v>
          </cell>
        </row>
        <row r="5">
          <cell r="A5">
            <v>4</v>
          </cell>
          <cell r="B5">
            <v>27</v>
          </cell>
          <cell r="C5">
            <v>4</v>
          </cell>
          <cell r="D5">
            <v>4</v>
          </cell>
          <cell r="E5">
            <v>4</v>
          </cell>
          <cell r="F5">
            <v>30</v>
          </cell>
          <cell r="G5" t="str">
            <v>木</v>
          </cell>
          <cell r="H5" t="str">
            <v>サッカー</v>
          </cell>
          <cell r="I5" t="str">
            <v>廣瀬　伸也</v>
          </cell>
          <cell r="K5" t="str">
            <v>高蔵小学校</v>
          </cell>
          <cell r="L5" t="str">
            <v>名古屋市合同ブロック指導会</v>
          </cell>
        </row>
        <row r="6">
          <cell r="A6">
            <v>5</v>
          </cell>
          <cell r="B6">
            <v>28</v>
          </cell>
          <cell r="C6">
            <v>5</v>
          </cell>
          <cell r="D6">
            <v>5</v>
          </cell>
          <cell r="E6">
            <v>5</v>
          </cell>
          <cell r="F6">
            <v>40</v>
          </cell>
          <cell r="G6" t="str">
            <v>金</v>
          </cell>
          <cell r="H6" t="str">
            <v>ソフトボール</v>
          </cell>
          <cell r="I6" t="str">
            <v>西脇　祐記</v>
          </cell>
          <cell r="K6" t="str">
            <v>神の倉小学校</v>
          </cell>
          <cell r="L6" t="str">
            <v>バレーボール指導者会</v>
          </cell>
        </row>
        <row r="7">
          <cell r="A7">
            <v>6</v>
          </cell>
          <cell r="B7">
            <v>29</v>
          </cell>
          <cell r="C7">
            <v>6</v>
          </cell>
          <cell r="D7">
            <v>6</v>
          </cell>
          <cell r="E7">
            <v>6</v>
          </cell>
          <cell r="F7">
            <v>50</v>
          </cell>
          <cell r="G7" t="str">
            <v>土</v>
          </cell>
          <cell r="H7" t="str">
            <v>ハンドボール</v>
          </cell>
          <cell r="I7" t="str">
            <v>今安　大樹</v>
          </cell>
          <cell r="K7" t="str">
            <v>鳴海東部小学校</v>
          </cell>
        </row>
        <row r="8">
          <cell r="A8">
            <v>7</v>
          </cell>
          <cell r="B8">
            <v>30</v>
          </cell>
          <cell r="C8">
            <v>7</v>
          </cell>
          <cell r="D8">
            <v>7</v>
          </cell>
          <cell r="E8">
            <v>7</v>
          </cell>
          <cell r="F8">
            <v>15</v>
          </cell>
          <cell r="G8" t="str">
            <v>日</v>
          </cell>
          <cell r="I8" t="str">
            <v>藤原　千佳</v>
          </cell>
          <cell r="K8" t="str">
            <v>老松小学校</v>
          </cell>
        </row>
        <row r="9">
          <cell r="A9">
            <v>8</v>
          </cell>
          <cell r="B9">
            <v>31</v>
          </cell>
          <cell r="C9">
            <v>8</v>
          </cell>
          <cell r="D9">
            <v>8</v>
          </cell>
          <cell r="E9">
            <v>8</v>
          </cell>
          <cell r="F9">
            <v>30</v>
          </cell>
          <cell r="I9" t="str">
            <v>鎌田　麻利香</v>
          </cell>
          <cell r="K9" t="str">
            <v>滝の水小学校</v>
          </cell>
        </row>
        <row r="10">
          <cell r="A10">
            <v>9</v>
          </cell>
          <cell r="B10">
            <v>32</v>
          </cell>
          <cell r="C10">
            <v>9</v>
          </cell>
          <cell r="D10">
            <v>9</v>
          </cell>
          <cell r="E10">
            <v>9</v>
          </cell>
          <cell r="F10">
            <v>45</v>
          </cell>
          <cell r="I10" t="str">
            <v>石井　里美</v>
          </cell>
          <cell r="K10" t="str">
            <v>中川学校体育センター</v>
          </cell>
        </row>
        <row r="11">
          <cell r="A11">
            <v>10</v>
          </cell>
          <cell r="B11">
            <v>33</v>
          </cell>
          <cell r="C11">
            <v>10</v>
          </cell>
          <cell r="D11">
            <v>10</v>
          </cell>
          <cell r="E11">
            <v>10</v>
          </cell>
          <cell r="I11" t="str">
            <v>秋山　歩</v>
          </cell>
          <cell r="K11" t="str">
            <v>日本ガイシスポーツプラザ</v>
          </cell>
        </row>
        <row r="12">
          <cell r="A12">
            <v>11</v>
          </cell>
          <cell r="B12">
            <v>34</v>
          </cell>
          <cell r="C12">
            <v>11</v>
          </cell>
          <cell r="D12">
            <v>11</v>
          </cell>
          <cell r="E12">
            <v>11</v>
          </cell>
          <cell r="I12" t="str">
            <v>若山　智美</v>
          </cell>
        </row>
        <row r="13">
          <cell r="A13">
            <v>12</v>
          </cell>
          <cell r="C13">
            <v>12</v>
          </cell>
          <cell r="D13">
            <v>12</v>
          </cell>
          <cell r="E13">
            <v>12</v>
          </cell>
        </row>
        <row r="14">
          <cell r="A14">
            <v>13</v>
          </cell>
          <cell r="D14">
            <v>13</v>
          </cell>
          <cell r="E14">
            <v>13</v>
          </cell>
        </row>
        <row r="15">
          <cell r="A15">
            <v>14</v>
          </cell>
          <cell r="D15">
            <v>14</v>
          </cell>
          <cell r="E15">
            <v>14</v>
          </cell>
        </row>
        <row r="16">
          <cell r="A16">
            <v>15</v>
          </cell>
          <cell r="D16">
            <v>15</v>
          </cell>
          <cell r="E16">
            <v>15</v>
          </cell>
        </row>
        <row r="17">
          <cell r="A17">
            <v>16</v>
          </cell>
          <cell r="D17">
            <v>16</v>
          </cell>
          <cell r="E17">
            <v>16</v>
          </cell>
        </row>
        <row r="18">
          <cell r="A18">
            <v>17</v>
          </cell>
          <cell r="D18">
            <v>17</v>
          </cell>
          <cell r="E18">
            <v>17</v>
          </cell>
        </row>
        <row r="19">
          <cell r="A19">
            <v>18</v>
          </cell>
          <cell r="D19">
            <v>18</v>
          </cell>
          <cell r="E19">
            <v>18</v>
          </cell>
        </row>
        <row r="20">
          <cell r="A20">
            <v>19</v>
          </cell>
          <cell r="D20">
            <v>19</v>
          </cell>
          <cell r="E20">
            <v>19</v>
          </cell>
        </row>
        <row r="21">
          <cell r="A21">
            <v>20</v>
          </cell>
          <cell r="D21">
            <v>20</v>
          </cell>
          <cell r="E21">
            <v>20</v>
          </cell>
        </row>
        <row r="22">
          <cell r="A22">
            <v>21</v>
          </cell>
          <cell r="D22">
            <v>21</v>
          </cell>
          <cell r="E22">
            <v>21</v>
          </cell>
        </row>
        <row r="23">
          <cell r="A23">
            <v>22</v>
          </cell>
          <cell r="D23">
            <v>22</v>
          </cell>
          <cell r="E23">
            <v>22</v>
          </cell>
        </row>
        <row r="24">
          <cell r="A24">
            <v>23</v>
          </cell>
          <cell r="D24">
            <v>23</v>
          </cell>
          <cell r="E24">
            <v>23</v>
          </cell>
        </row>
        <row r="25">
          <cell r="A25">
            <v>24</v>
          </cell>
          <cell r="D25">
            <v>24</v>
          </cell>
          <cell r="E25">
            <v>24</v>
          </cell>
        </row>
        <row r="26">
          <cell r="A26">
            <v>25</v>
          </cell>
          <cell r="D26">
            <v>25</v>
          </cell>
        </row>
        <row r="27">
          <cell r="A27">
            <v>26</v>
          </cell>
          <cell r="D27">
            <v>26</v>
          </cell>
        </row>
        <row r="28">
          <cell r="A28">
            <v>27</v>
          </cell>
          <cell r="D28">
            <v>27</v>
          </cell>
        </row>
        <row r="29">
          <cell r="A29">
            <v>28</v>
          </cell>
          <cell r="D29">
            <v>28</v>
          </cell>
        </row>
        <row r="30">
          <cell r="A30">
            <v>29</v>
          </cell>
          <cell r="D30">
            <v>29</v>
          </cell>
        </row>
        <row r="31">
          <cell r="A31">
            <v>30</v>
          </cell>
          <cell r="D31">
            <v>30</v>
          </cell>
        </row>
        <row r="32">
          <cell r="A32">
            <v>31</v>
          </cell>
          <cell r="D32">
            <v>31</v>
          </cell>
        </row>
        <row r="33">
          <cell r="A33">
            <v>32</v>
          </cell>
          <cell r="D33">
            <v>32</v>
          </cell>
        </row>
        <row r="34">
          <cell r="A34">
            <v>33</v>
          </cell>
        </row>
        <row r="35">
          <cell r="A35">
            <v>34</v>
          </cell>
        </row>
        <row r="36">
          <cell r="A36">
            <v>35</v>
          </cell>
        </row>
        <row r="37">
          <cell r="A37">
            <v>36</v>
          </cell>
        </row>
        <row r="38">
          <cell r="A38">
            <v>37</v>
          </cell>
        </row>
        <row r="39">
          <cell r="A39">
            <v>38</v>
          </cell>
        </row>
        <row r="40">
          <cell r="A40">
            <v>39</v>
          </cell>
        </row>
        <row r="41">
          <cell r="A41">
            <v>40</v>
          </cell>
        </row>
        <row r="42">
          <cell r="A42">
            <v>41</v>
          </cell>
        </row>
        <row r="43">
          <cell r="A43">
            <v>42</v>
          </cell>
        </row>
        <row r="44">
          <cell r="A44">
            <v>43</v>
          </cell>
        </row>
        <row r="45">
          <cell r="A45">
            <v>44</v>
          </cell>
        </row>
        <row r="46">
          <cell r="A46">
            <v>45</v>
          </cell>
        </row>
        <row r="47">
          <cell r="A47">
            <v>46</v>
          </cell>
        </row>
        <row r="48">
          <cell r="A48">
            <v>47</v>
          </cell>
        </row>
        <row r="49">
          <cell r="A49">
            <v>48</v>
          </cell>
        </row>
        <row r="50">
          <cell r="A50">
            <v>49</v>
          </cell>
        </row>
        <row r="51">
          <cell r="A51">
            <v>50</v>
          </cell>
        </row>
        <row r="52">
          <cell r="A52">
            <v>51</v>
          </cell>
        </row>
        <row r="53">
          <cell r="A53">
            <v>52</v>
          </cell>
        </row>
        <row r="54">
          <cell r="A54">
            <v>53</v>
          </cell>
        </row>
        <row r="55">
          <cell r="A55">
            <v>54</v>
          </cell>
        </row>
        <row r="56">
          <cell r="A56">
            <v>55</v>
          </cell>
        </row>
        <row r="57">
          <cell r="A57">
            <v>56</v>
          </cell>
        </row>
        <row r="58">
          <cell r="A58">
            <v>57</v>
          </cell>
        </row>
        <row r="59">
          <cell r="A59">
            <v>58</v>
          </cell>
        </row>
        <row r="60">
          <cell r="A60">
            <v>59</v>
          </cell>
        </row>
        <row r="61">
          <cell r="A61">
            <v>6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BH57"/>
  <sheetViews>
    <sheetView tabSelected="1" zoomScale="130" zoomScaleNormal="130" zoomScaleSheetLayoutView="100" workbookViewId="0">
      <selection activeCell="BP21" sqref="BP21"/>
    </sheetView>
  </sheetViews>
  <sheetFormatPr defaultColWidth="1.5" defaultRowHeight="18.45"/>
  <cols>
    <col min="1" max="57" width="1.5" style="1"/>
    <col min="58" max="58" width="1.85546875" style="1" customWidth="1"/>
    <col min="59" max="313" width="1.5" style="1"/>
    <col min="314" max="314" width="1.85546875" style="1" customWidth="1"/>
    <col min="315" max="569" width="1.5" style="1"/>
    <col min="570" max="570" width="1.85546875" style="1" customWidth="1"/>
    <col min="571" max="825" width="1.5" style="1"/>
    <col min="826" max="826" width="1.85546875" style="1" customWidth="1"/>
    <col min="827" max="1081" width="1.5" style="1"/>
    <col min="1082" max="1082" width="1.85546875" style="1" customWidth="1"/>
    <col min="1083" max="1337" width="1.5" style="1"/>
    <col min="1338" max="1338" width="1.85546875" style="1" customWidth="1"/>
    <col min="1339" max="1593" width="1.5" style="1"/>
    <col min="1594" max="1594" width="1.85546875" style="1" customWidth="1"/>
    <col min="1595" max="1849" width="1.5" style="1"/>
    <col min="1850" max="1850" width="1.85546875" style="1" customWidth="1"/>
    <col min="1851" max="2105" width="1.5" style="1"/>
    <col min="2106" max="2106" width="1.85546875" style="1" customWidth="1"/>
    <col min="2107" max="2361" width="1.5" style="1"/>
    <col min="2362" max="2362" width="1.85546875" style="1" customWidth="1"/>
    <col min="2363" max="2617" width="1.5" style="1"/>
    <col min="2618" max="2618" width="1.85546875" style="1" customWidth="1"/>
    <col min="2619" max="2873" width="1.5" style="1"/>
    <col min="2874" max="2874" width="1.85546875" style="1" customWidth="1"/>
    <col min="2875" max="3129" width="1.5" style="1"/>
    <col min="3130" max="3130" width="1.85546875" style="1" customWidth="1"/>
    <col min="3131" max="3385" width="1.5" style="1"/>
    <col min="3386" max="3386" width="1.85546875" style="1" customWidth="1"/>
    <col min="3387" max="3641" width="1.5" style="1"/>
    <col min="3642" max="3642" width="1.85546875" style="1" customWidth="1"/>
    <col min="3643" max="3897" width="1.5" style="1"/>
    <col min="3898" max="3898" width="1.85546875" style="1" customWidth="1"/>
    <col min="3899" max="4153" width="1.5" style="1"/>
    <col min="4154" max="4154" width="1.85546875" style="1" customWidth="1"/>
    <col min="4155" max="4409" width="1.5" style="1"/>
    <col min="4410" max="4410" width="1.85546875" style="1" customWidth="1"/>
    <col min="4411" max="4665" width="1.5" style="1"/>
    <col min="4666" max="4666" width="1.85546875" style="1" customWidth="1"/>
    <col min="4667" max="4921" width="1.5" style="1"/>
    <col min="4922" max="4922" width="1.85546875" style="1" customWidth="1"/>
    <col min="4923" max="5177" width="1.5" style="1"/>
    <col min="5178" max="5178" width="1.85546875" style="1" customWidth="1"/>
    <col min="5179" max="5433" width="1.5" style="1"/>
    <col min="5434" max="5434" width="1.85546875" style="1" customWidth="1"/>
    <col min="5435" max="5689" width="1.5" style="1"/>
    <col min="5690" max="5690" width="1.85546875" style="1" customWidth="1"/>
    <col min="5691" max="5945" width="1.5" style="1"/>
    <col min="5946" max="5946" width="1.85546875" style="1" customWidth="1"/>
    <col min="5947" max="6201" width="1.5" style="1"/>
    <col min="6202" max="6202" width="1.85546875" style="1" customWidth="1"/>
    <col min="6203" max="6457" width="1.5" style="1"/>
    <col min="6458" max="6458" width="1.85546875" style="1" customWidth="1"/>
    <col min="6459" max="6713" width="1.5" style="1"/>
    <col min="6714" max="6714" width="1.85546875" style="1" customWidth="1"/>
    <col min="6715" max="6969" width="1.5" style="1"/>
    <col min="6970" max="6970" width="1.85546875" style="1" customWidth="1"/>
    <col min="6971" max="7225" width="1.5" style="1"/>
    <col min="7226" max="7226" width="1.85546875" style="1" customWidth="1"/>
    <col min="7227" max="7481" width="1.5" style="1"/>
    <col min="7482" max="7482" width="1.85546875" style="1" customWidth="1"/>
    <col min="7483" max="7737" width="1.5" style="1"/>
    <col min="7738" max="7738" width="1.85546875" style="1" customWidth="1"/>
    <col min="7739" max="7993" width="1.5" style="1"/>
    <col min="7994" max="7994" width="1.85546875" style="1" customWidth="1"/>
    <col min="7995" max="8249" width="1.5" style="1"/>
    <col min="8250" max="8250" width="1.85546875" style="1" customWidth="1"/>
    <col min="8251" max="8505" width="1.5" style="1"/>
    <col min="8506" max="8506" width="1.85546875" style="1" customWidth="1"/>
    <col min="8507" max="8761" width="1.5" style="1"/>
    <col min="8762" max="8762" width="1.85546875" style="1" customWidth="1"/>
    <col min="8763" max="9017" width="1.5" style="1"/>
    <col min="9018" max="9018" width="1.85546875" style="1" customWidth="1"/>
    <col min="9019" max="9273" width="1.5" style="1"/>
    <col min="9274" max="9274" width="1.85546875" style="1" customWidth="1"/>
    <col min="9275" max="9529" width="1.5" style="1"/>
    <col min="9530" max="9530" width="1.85546875" style="1" customWidth="1"/>
    <col min="9531" max="9785" width="1.5" style="1"/>
    <col min="9786" max="9786" width="1.85546875" style="1" customWidth="1"/>
    <col min="9787" max="10041" width="1.5" style="1"/>
    <col min="10042" max="10042" width="1.85546875" style="1" customWidth="1"/>
    <col min="10043" max="10297" width="1.5" style="1"/>
    <col min="10298" max="10298" width="1.85546875" style="1" customWidth="1"/>
    <col min="10299" max="10553" width="1.5" style="1"/>
    <col min="10554" max="10554" width="1.85546875" style="1" customWidth="1"/>
    <col min="10555" max="10809" width="1.5" style="1"/>
    <col min="10810" max="10810" width="1.85546875" style="1" customWidth="1"/>
    <col min="10811" max="11065" width="1.5" style="1"/>
    <col min="11066" max="11066" width="1.85546875" style="1" customWidth="1"/>
    <col min="11067" max="11321" width="1.5" style="1"/>
    <col min="11322" max="11322" width="1.85546875" style="1" customWidth="1"/>
    <col min="11323" max="11577" width="1.5" style="1"/>
    <col min="11578" max="11578" width="1.85546875" style="1" customWidth="1"/>
    <col min="11579" max="11833" width="1.5" style="1"/>
    <col min="11834" max="11834" width="1.85546875" style="1" customWidth="1"/>
    <col min="11835" max="12089" width="1.5" style="1"/>
    <col min="12090" max="12090" width="1.85546875" style="1" customWidth="1"/>
    <col min="12091" max="12345" width="1.5" style="1"/>
    <col min="12346" max="12346" width="1.85546875" style="1" customWidth="1"/>
    <col min="12347" max="12601" width="1.5" style="1"/>
    <col min="12602" max="12602" width="1.85546875" style="1" customWidth="1"/>
    <col min="12603" max="12857" width="1.5" style="1"/>
    <col min="12858" max="12858" width="1.85546875" style="1" customWidth="1"/>
    <col min="12859" max="13113" width="1.5" style="1"/>
    <col min="13114" max="13114" width="1.85546875" style="1" customWidth="1"/>
    <col min="13115" max="13369" width="1.5" style="1"/>
    <col min="13370" max="13370" width="1.85546875" style="1" customWidth="1"/>
    <col min="13371" max="13625" width="1.5" style="1"/>
    <col min="13626" max="13626" width="1.85546875" style="1" customWidth="1"/>
    <col min="13627" max="13881" width="1.5" style="1"/>
    <col min="13882" max="13882" width="1.85546875" style="1" customWidth="1"/>
    <col min="13883" max="14137" width="1.5" style="1"/>
    <col min="14138" max="14138" width="1.85546875" style="1" customWidth="1"/>
    <col min="14139" max="14393" width="1.5" style="1"/>
    <col min="14394" max="14394" width="1.85546875" style="1" customWidth="1"/>
    <col min="14395" max="14649" width="1.5" style="1"/>
    <col min="14650" max="14650" width="1.85546875" style="1" customWidth="1"/>
    <col min="14651" max="14905" width="1.5" style="1"/>
    <col min="14906" max="14906" width="1.85546875" style="1" customWidth="1"/>
    <col min="14907" max="15161" width="1.5" style="1"/>
    <col min="15162" max="15162" width="1.85546875" style="1" customWidth="1"/>
    <col min="15163" max="15417" width="1.5" style="1"/>
    <col min="15418" max="15418" width="1.85546875" style="1" customWidth="1"/>
    <col min="15419" max="15673" width="1.5" style="1"/>
    <col min="15674" max="15674" width="1.85546875" style="1" customWidth="1"/>
    <col min="15675" max="15929" width="1.5" style="1"/>
    <col min="15930" max="15930" width="1.85546875" style="1" customWidth="1"/>
    <col min="15931" max="16185" width="1.5" style="1"/>
    <col min="16186" max="16186" width="1.85546875" style="1" customWidth="1"/>
    <col min="16187" max="16384" width="1.5" style="1"/>
  </cols>
  <sheetData>
    <row r="1" spans="1:60" ht="13.5" customHeight="1">
      <c r="AS1" s="163" t="s">
        <v>0</v>
      </c>
      <c r="AT1" s="163"/>
      <c r="AU1" s="163"/>
      <c r="AV1" s="163">
        <v>6</v>
      </c>
      <c r="AW1" s="163"/>
      <c r="AX1" s="2" t="s">
        <v>1</v>
      </c>
      <c r="AY1" s="2"/>
      <c r="AZ1" s="163"/>
      <c r="BA1" s="163"/>
      <c r="BB1" s="2" t="s">
        <v>2</v>
      </c>
      <c r="BC1" s="2"/>
      <c r="BD1" s="163"/>
      <c r="BE1" s="163"/>
      <c r="BF1" s="2" t="s">
        <v>3</v>
      </c>
    </row>
    <row r="2" spans="1:60" ht="7.5" customHeight="1">
      <c r="C2" s="194"/>
      <c r="D2" s="194"/>
      <c r="E2" s="194"/>
      <c r="F2" s="194"/>
      <c r="G2" s="194"/>
      <c r="H2" s="194"/>
      <c r="I2" s="194"/>
      <c r="J2" s="194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6"/>
      <c r="Y2" s="196"/>
      <c r="Z2" s="196"/>
      <c r="AA2" s="196"/>
      <c r="AB2" s="196"/>
      <c r="AC2" s="196"/>
      <c r="AD2" s="196"/>
      <c r="AE2" s="196"/>
      <c r="AF2" s="196"/>
      <c r="AG2" s="196"/>
      <c r="AH2" s="196"/>
      <c r="AI2" s="196"/>
      <c r="AJ2" s="196"/>
      <c r="AK2" s="196"/>
      <c r="AL2" s="196"/>
      <c r="AM2" s="196"/>
      <c r="AN2" s="196"/>
      <c r="AO2" s="196"/>
      <c r="AP2" s="196"/>
      <c r="AQ2" s="196"/>
      <c r="AR2" s="196"/>
      <c r="AS2" s="196"/>
      <c r="AT2" s="196"/>
      <c r="AU2" s="196"/>
      <c r="AV2" s="196"/>
      <c r="AW2" s="196"/>
      <c r="AX2" s="196"/>
      <c r="AY2" s="196"/>
      <c r="AZ2" s="196"/>
      <c r="BA2" s="196"/>
      <c r="BB2" s="196"/>
      <c r="BC2" s="196"/>
      <c r="BD2" s="196"/>
      <c r="BE2" s="196"/>
      <c r="BF2" s="196"/>
      <c r="BG2" s="3"/>
      <c r="BH2" s="3"/>
    </row>
    <row r="3" spans="1:60" ht="7.5" customHeight="1">
      <c r="C3" s="194"/>
      <c r="D3" s="194"/>
      <c r="E3" s="194"/>
      <c r="F3" s="194"/>
      <c r="G3" s="194"/>
      <c r="H3" s="194"/>
      <c r="I3" s="194"/>
      <c r="J3" s="194"/>
      <c r="K3" s="195"/>
      <c r="L3" s="195"/>
      <c r="M3" s="195"/>
      <c r="N3" s="195"/>
      <c r="O3" s="195"/>
      <c r="P3" s="195"/>
      <c r="Q3" s="195"/>
      <c r="R3" s="195"/>
      <c r="S3" s="195"/>
      <c r="T3" s="195"/>
      <c r="U3" s="195"/>
      <c r="V3" s="195"/>
      <c r="W3" s="195"/>
      <c r="X3" s="196"/>
      <c r="Y3" s="196"/>
      <c r="Z3" s="196"/>
      <c r="AA3" s="196"/>
      <c r="AB3" s="196"/>
      <c r="AC3" s="196"/>
      <c r="AD3" s="196"/>
      <c r="AE3" s="196"/>
      <c r="AF3" s="196"/>
      <c r="AG3" s="196"/>
      <c r="AH3" s="196"/>
      <c r="AI3" s="196"/>
      <c r="AJ3" s="196"/>
      <c r="AK3" s="196"/>
      <c r="AL3" s="196"/>
      <c r="AM3" s="196"/>
      <c r="AN3" s="196"/>
      <c r="AO3" s="196"/>
      <c r="AP3" s="196"/>
      <c r="AQ3" s="196"/>
      <c r="AR3" s="196"/>
      <c r="AS3" s="196"/>
      <c r="AT3" s="196"/>
      <c r="AU3" s="196"/>
      <c r="AV3" s="196"/>
      <c r="AW3" s="196"/>
      <c r="AX3" s="196"/>
      <c r="AY3" s="196"/>
      <c r="AZ3" s="196"/>
      <c r="BA3" s="196"/>
      <c r="BB3" s="196"/>
      <c r="BC3" s="196"/>
      <c r="BD3" s="196"/>
      <c r="BE3" s="196"/>
      <c r="BF3" s="196"/>
      <c r="BG3" s="3"/>
      <c r="BH3" s="3"/>
    </row>
    <row r="4" spans="1:60" ht="14.25" customHeight="1">
      <c r="C4" s="194"/>
      <c r="D4" s="194"/>
      <c r="E4" s="194"/>
      <c r="F4" s="194"/>
      <c r="G4" s="194"/>
      <c r="H4" s="194"/>
      <c r="I4" s="194"/>
      <c r="J4" s="194"/>
      <c r="K4" s="195"/>
      <c r="L4" s="195"/>
      <c r="M4" s="195"/>
      <c r="N4" s="195"/>
      <c r="O4" s="195"/>
      <c r="P4" s="195"/>
      <c r="Q4" s="195"/>
      <c r="R4" s="195"/>
      <c r="S4" s="195"/>
      <c r="T4" s="195"/>
      <c r="U4" s="195"/>
      <c r="V4" s="195"/>
      <c r="W4" s="195"/>
      <c r="X4" s="196"/>
      <c r="Y4" s="196"/>
      <c r="Z4" s="196"/>
      <c r="AA4" s="196"/>
      <c r="AB4" s="196"/>
      <c r="AC4" s="196"/>
      <c r="AD4" s="196"/>
      <c r="AE4" s="196"/>
      <c r="AF4" s="196"/>
      <c r="AG4" s="196"/>
      <c r="AH4" s="196"/>
      <c r="AI4" s="196"/>
      <c r="AJ4" s="196"/>
      <c r="AK4" s="196"/>
      <c r="AL4" s="196"/>
      <c r="AM4" s="196"/>
      <c r="AN4" s="196"/>
      <c r="AO4" s="196"/>
      <c r="AP4" s="196"/>
      <c r="AQ4" s="196"/>
      <c r="AR4" s="196"/>
      <c r="AS4" s="196"/>
      <c r="AT4" s="196"/>
      <c r="AU4" s="196"/>
      <c r="AV4" s="196"/>
      <c r="AW4" s="196"/>
      <c r="AX4" s="196"/>
      <c r="AY4" s="196"/>
      <c r="AZ4" s="196"/>
      <c r="BA4" s="196"/>
      <c r="BB4" s="196"/>
      <c r="BC4" s="196"/>
      <c r="BD4" s="196"/>
      <c r="BE4" s="196"/>
      <c r="BF4" s="196"/>
      <c r="BG4" s="3"/>
      <c r="BH4" s="3"/>
    </row>
    <row r="5" spans="1:60" ht="27.9">
      <c r="A5" s="4"/>
      <c r="B5" s="4"/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152" t="s">
        <v>49</v>
      </c>
      <c r="P5" s="153"/>
      <c r="Q5" s="153"/>
      <c r="R5" s="153"/>
      <c r="S5" s="153"/>
      <c r="T5" s="153"/>
      <c r="U5" s="153"/>
      <c r="V5" s="154"/>
      <c r="W5" s="5" t="s">
        <v>4</v>
      </c>
      <c r="X5" s="5"/>
      <c r="Y5" s="5"/>
      <c r="Z5" s="5"/>
      <c r="AA5" s="5"/>
      <c r="AB5" s="5"/>
      <c r="AC5" s="5"/>
      <c r="AD5" s="5"/>
      <c r="AE5" s="5"/>
      <c r="AF5" s="5"/>
      <c r="AG5" s="5"/>
      <c r="AH5" s="5"/>
      <c r="AI5" s="5"/>
      <c r="AJ5" s="5"/>
      <c r="AK5" s="5"/>
      <c r="AL5" s="5"/>
      <c r="AM5" s="5"/>
      <c r="AN5" s="5"/>
      <c r="AO5" s="5"/>
      <c r="AP5" s="5"/>
      <c r="AQ5" s="5"/>
      <c r="AR5" s="5"/>
      <c r="AS5" s="5"/>
      <c r="AT5" s="5"/>
      <c r="AU5" s="5"/>
      <c r="AV5" s="5"/>
      <c r="AW5" s="5"/>
      <c r="AX5" s="5"/>
      <c r="AY5" s="5"/>
      <c r="AZ5" s="5"/>
      <c r="BA5" s="5"/>
      <c r="BB5" s="5"/>
      <c r="BC5" s="5"/>
      <c r="BD5" s="5"/>
      <c r="BE5" s="5"/>
      <c r="BF5" s="5"/>
      <c r="BG5" s="4"/>
      <c r="BH5" s="4"/>
    </row>
    <row r="6" spans="1:60" ht="13.5" customHeight="1">
      <c r="C6" s="155" t="s">
        <v>5</v>
      </c>
      <c r="D6" s="155"/>
      <c r="E6" s="155"/>
      <c r="F6" s="155"/>
      <c r="G6" s="155"/>
      <c r="H6" s="155"/>
      <c r="I6" s="155"/>
      <c r="J6" s="155"/>
      <c r="K6" s="155"/>
      <c r="L6" s="155"/>
      <c r="M6" s="155"/>
      <c r="N6" s="155"/>
      <c r="O6" s="6"/>
      <c r="P6" s="6"/>
      <c r="Q6" s="6"/>
      <c r="AX6" s="156" t="s">
        <v>6</v>
      </c>
      <c r="AY6" s="156"/>
      <c r="AZ6" s="156"/>
      <c r="BA6" s="156"/>
      <c r="BB6" s="156"/>
      <c r="BC6" s="156"/>
      <c r="BD6" s="156"/>
      <c r="BE6" s="156"/>
      <c r="BF6" s="156"/>
      <c r="BG6" s="156"/>
    </row>
    <row r="7" spans="1:60" ht="13.5" customHeight="1">
      <c r="C7" s="155"/>
      <c r="D7" s="155"/>
      <c r="E7" s="155"/>
      <c r="F7" s="155"/>
      <c r="G7" s="155"/>
      <c r="H7" s="155"/>
      <c r="I7" s="155"/>
      <c r="J7" s="155"/>
      <c r="K7" s="155"/>
      <c r="L7" s="155"/>
      <c r="M7" s="155"/>
      <c r="N7" s="155"/>
      <c r="O7" s="6"/>
      <c r="P7" s="6"/>
      <c r="Q7" s="6"/>
      <c r="AY7" s="157"/>
      <c r="AZ7" s="158"/>
      <c r="BA7" s="158"/>
      <c r="BB7" s="158"/>
      <c r="BC7" s="158"/>
      <c r="BD7" s="158"/>
      <c r="BE7" s="158"/>
      <c r="BF7" s="159"/>
    </row>
    <row r="8" spans="1:60" ht="14.25" customHeight="1">
      <c r="C8" s="155"/>
      <c r="D8" s="155"/>
      <c r="E8" s="155"/>
      <c r="F8" s="155"/>
      <c r="G8" s="155"/>
      <c r="H8" s="155"/>
      <c r="I8" s="155"/>
      <c r="J8" s="155"/>
      <c r="K8" s="155"/>
      <c r="L8" s="155"/>
      <c r="M8" s="155"/>
      <c r="N8" s="155"/>
      <c r="O8" s="163" t="s">
        <v>7</v>
      </c>
      <c r="P8" s="163"/>
      <c r="Q8" s="163"/>
      <c r="R8" s="163"/>
      <c r="S8" s="163"/>
      <c r="T8" s="163"/>
      <c r="U8" s="163"/>
      <c r="V8" s="163"/>
      <c r="W8" s="163"/>
      <c r="X8" s="163"/>
      <c r="Y8" s="163"/>
      <c r="Z8" s="163"/>
      <c r="AA8" s="163"/>
      <c r="AB8" s="163"/>
      <c r="AC8" s="164" t="str">
        <f t="shared" ref="AC8" si="0">$O$5</f>
        <v>尾張</v>
      </c>
      <c r="AD8" s="164"/>
      <c r="AE8" s="164"/>
      <c r="AF8" s="164"/>
      <c r="AG8" s="164"/>
      <c r="AH8" s="2" t="s">
        <v>8</v>
      </c>
      <c r="AI8" s="2"/>
      <c r="AJ8" s="2"/>
      <c r="AK8" s="2"/>
      <c r="AL8" s="2"/>
      <c r="AY8" s="160"/>
      <c r="AZ8" s="161"/>
      <c r="BA8" s="161"/>
      <c r="BB8" s="161"/>
      <c r="BC8" s="161"/>
      <c r="BD8" s="161"/>
      <c r="BE8" s="161"/>
      <c r="BF8" s="162"/>
    </row>
    <row r="9" spans="1:60" ht="5.25" customHeight="1"/>
    <row r="10" spans="1:60" ht="5.25" customHeight="1">
      <c r="G10" s="2"/>
      <c r="H10" s="163">
        <v>44</v>
      </c>
      <c r="I10" s="163"/>
      <c r="J10" s="163"/>
      <c r="K10" s="2"/>
    </row>
    <row r="11" spans="1:60" ht="13.5" customHeight="1">
      <c r="F11" s="2" t="s">
        <v>9</v>
      </c>
      <c r="G11" s="2"/>
      <c r="H11" s="163"/>
      <c r="I11" s="163"/>
      <c r="J11" s="163"/>
      <c r="K11" s="163" t="s">
        <v>10</v>
      </c>
      <c r="L11" s="163"/>
      <c r="M11" s="163"/>
      <c r="N11" s="163"/>
      <c r="O11" s="163"/>
      <c r="P11" s="163"/>
      <c r="Q11" s="163"/>
      <c r="R11" s="163"/>
      <c r="S11" s="163"/>
      <c r="T11" s="163"/>
      <c r="U11" s="163"/>
      <c r="V11" s="163"/>
      <c r="W11" s="163"/>
      <c r="X11" s="163"/>
      <c r="Y11" s="163"/>
      <c r="Z11" s="163"/>
      <c r="AA11" s="163"/>
      <c r="AB11" s="163"/>
      <c r="AC11" s="164" t="str">
        <f t="shared" ref="AC11" si="1">$O$5</f>
        <v>尾張</v>
      </c>
      <c r="AD11" s="164"/>
      <c r="AE11" s="164"/>
      <c r="AF11" s="164"/>
      <c r="AG11" s="164"/>
      <c r="AH11" s="7" t="s">
        <v>11</v>
      </c>
      <c r="AI11" s="7"/>
      <c r="AJ11" s="7"/>
      <c r="AK11" s="7"/>
      <c r="AL11" s="7"/>
      <c r="AM11" s="7"/>
      <c r="AN11" s="7"/>
      <c r="AO11" s="7"/>
      <c r="AP11" s="7"/>
      <c r="AQ11" s="7"/>
      <c r="AR11" s="7"/>
      <c r="AS11" s="7"/>
      <c r="AT11" s="7"/>
      <c r="AU11" s="7"/>
      <c r="AV11" s="7"/>
    </row>
    <row r="12" spans="1:60" ht="5.25" customHeight="1">
      <c r="F12" s="8"/>
      <c r="G12" s="2"/>
      <c r="H12" s="163"/>
      <c r="I12" s="163"/>
      <c r="J12" s="163"/>
      <c r="K12" s="2"/>
      <c r="L12" s="9"/>
      <c r="M12" s="9"/>
      <c r="N12" s="9"/>
      <c r="Q12" s="10"/>
    </row>
    <row r="13" spans="1:60" ht="5.25" customHeight="1" thickBot="1"/>
    <row r="14" spans="1:60" ht="12" customHeight="1">
      <c r="C14" s="137" t="s">
        <v>12</v>
      </c>
      <c r="D14" s="138"/>
      <c r="E14" s="138"/>
      <c r="F14" s="138"/>
      <c r="G14" s="139"/>
      <c r="H14" s="145" t="s">
        <v>13</v>
      </c>
      <c r="I14" s="146"/>
      <c r="J14" s="146"/>
      <c r="K14" s="147"/>
      <c r="L14" s="147"/>
      <c r="M14" s="147"/>
      <c r="N14" s="147"/>
      <c r="O14" s="147"/>
      <c r="P14" s="147"/>
      <c r="Q14" s="147"/>
      <c r="R14" s="147"/>
      <c r="S14" s="147"/>
      <c r="T14" s="147"/>
      <c r="U14" s="147"/>
      <c r="V14" s="147"/>
      <c r="W14" s="147"/>
      <c r="X14" s="148"/>
      <c r="Y14" s="149" t="s">
        <v>14</v>
      </c>
      <c r="Z14" s="150"/>
      <c r="AA14" s="150"/>
      <c r="AB14" s="150"/>
      <c r="AC14" s="150"/>
      <c r="AD14" s="150"/>
      <c r="AE14" s="150"/>
      <c r="AF14" s="150"/>
      <c r="AG14" s="150"/>
      <c r="AH14" s="150"/>
      <c r="AI14" s="151"/>
      <c r="AJ14" s="165" t="s">
        <v>15</v>
      </c>
      <c r="AK14" s="138"/>
      <c r="AL14" s="138"/>
      <c r="AM14" s="139"/>
      <c r="AN14" s="168"/>
      <c r="AO14" s="169"/>
      <c r="AP14" s="169"/>
      <c r="AQ14" s="169"/>
      <c r="AR14" s="169"/>
      <c r="AS14" s="169"/>
      <c r="AT14" s="138" t="s">
        <v>16</v>
      </c>
      <c r="AU14" s="139"/>
      <c r="AV14" s="165" t="s">
        <v>17</v>
      </c>
      <c r="AW14" s="52"/>
      <c r="AX14" s="52"/>
      <c r="AY14" s="74"/>
      <c r="AZ14" s="176"/>
      <c r="BA14" s="177"/>
      <c r="BB14" s="177"/>
      <c r="BC14" s="177"/>
      <c r="BD14" s="177"/>
      <c r="BE14" s="177"/>
      <c r="BF14" s="178"/>
    </row>
    <row r="15" spans="1:60" ht="5.25" customHeight="1">
      <c r="C15" s="140"/>
      <c r="D15" s="141"/>
      <c r="E15" s="141"/>
      <c r="F15" s="141"/>
      <c r="G15" s="142"/>
      <c r="H15" s="183"/>
      <c r="I15" s="164"/>
      <c r="J15" s="164"/>
      <c r="K15" s="164"/>
      <c r="L15" s="164"/>
      <c r="M15" s="164"/>
      <c r="N15" s="164"/>
      <c r="O15" s="164"/>
      <c r="P15" s="164"/>
      <c r="Q15" s="164"/>
      <c r="R15" s="164"/>
      <c r="S15" s="164"/>
      <c r="T15" s="164"/>
      <c r="U15" s="164"/>
      <c r="V15" s="164"/>
      <c r="W15" s="164"/>
      <c r="X15" s="184"/>
      <c r="Y15" s="188"/>
      <c r="Z15" s="189"/>
      <c r="AA15" s="189"/>
      <c r="AB15" s="189"/>
      <c r="AC15" s="189"/>
      <c r="AD15" s="189"/>
      <c r="AE15" s="189"/>
      <c r="AF15" s="189"/>
      <c r="AG15" s="189"/>
      <c r="AH15" s="189"/>
      <c r="AI15" s="190"/>
      <c r="AJ15" s="166"/>
      <c r="AK15" s="141"/>
      <c r="AL15" s="141"/>
      <c r="AM15" s="142"/>
      <c r="AN15" s="170"/>
      <c r="AO15" s="171"/>
      <c r="AP15" s="171"/>
      <c r="AQ15" s="171"/>
      <c r="AR15" s="171"/>
      <c r="AS15" s="171"/>
      <c r="AT15" s="141"/>
      <c r="AU15" s="142"/>
      <c r="AV15" s="174"/>
      <c r="AW15" s="21"/>
      <c r="AX15" s="21"/>
      <c r="AY15" s="175"/>
      <c r="AZ15" s="179"/>
      <c r="BA15" s="46"/>
      <c r="BB15" s="46"/>
      <c r="BC15" s="46"/>
      <c r="BD15" s="46"/>
      <c r="BE15" s="46"/>
      <c r="BF15" s="180"/>
    </row>
    <row r="16" spans="1:60" ht="7.5" customHeight="1">
      <c r="C16" s="140"/>
      <c r="D16" s="141"/>
      <c r="E16" s="141"/>
      <c r="F16" s="141"/>
      <c r="G16" s="142"/>
      <c r="H16" s="183"/>
      <c r="I16" s="164"/>
      <c r="J16" s="164"/>
      <c r="K16" s="164"/>
      <c r="L16" s="164"/>
      <c r="M16" s="164"/>
      <c r="N16" s="164"/>
      <c r="O16" s="164"/>
      <c r="P16" s="164"/>
      <c r="Q16" s="164"/>
      <c r="R16" s="164"/>
      <c r="S16" s="164"/>
      <c r="T16" s="164"/>
      <c r="U16" s="164"/>
      <c r="V16" s="164"/>
      <c r="W16" s="164"/>
      <c r="X16" s="184"/>
      <c r="Y16" s="188"/>
      <c r="Z16" s="189"/>
      <c r="AA16" s="189"/>
      <c r="AB16" s="189"/>
      <c r="AC16" s="189"/>
      <c r="AD16" s="189"/>
      <c r="AE16" s="189"/>
      <c r="AF16" s="189"/>
      <c r="AG16" s="189"/>
      <c r="AH16" s="189"/>
      <c r="AI16" s="190"/>
      <c r="AJ16" s="166"/>
      <c r="AK16" s="141"/>
      <c r="AL16" s="141"/>
      <c r="AM16" s="142"/>
      <c r="AN16" s="170"/>
      <c r="AO16" s="171"/>
      <c r="AP16" s="171"/>
      <c r="AQ16" s="171"/>
      <c r="AR16" s="171"/>
      <c r="AS16" s="171"/>
      <c r="AT16" s="141"/>
      <c r="AU16" s="142"/>
      <c r="AV16" s="174"/>
      <c r="AW16" s="21"/>
      <c r="AX16" s="21"/>
      <c r="AY16" s="175"/>
      <c r="AZ16" s="179"/>
      <c r="BA16" s="46"/>
      <c r="BB16" s="46"/>
      <c r="BC16" s="46"/>
      <c r="BD16" s="46"/>
      <c r="BE16" s="46"/>
      <c r="BF16" s="180"/>
    </row>
    <row r="17" spans="3:58" ht="13.5" customHeight="1">
      <c r="C17" s="143"/>
      <c r="D17" s="123"/>
      <c r="E17" s="123"/>
      <c r="F17" s="123"/>
      <c r="G17" s="144"/>
      <c r="H17" s="185"/>
      <c r="I17" s="186"/>
      <c r="J17" s="186"/>
      <c r="K17" s="186"/>
      <c r="L17" s="186"/>
      <c r="M17" s="186"/>
      <c r="N17" s="186"/>
      <c r="O17" s="186"/>
      <c r="P17" s="186"/>
      <c r="Q17" s="186"/>
      <c r="R17" s="186"/>
      <c r="S17" s="186"/>
      <c r="T17" s="186"/>
      <c r="U17" s="186"/>
      <c r="V17" s="186"/>
      <c r="W17" s="186"/>
      <c r="X17" s="187"/>
      <c r="Y17" s="191"/>
      <c r="Z17" s="192"/>
      <c r="AA17" s="192"/>
      <c r="AB17" s="192"/>
      <c r="AC17" s="192"/>
      <c r="AD17" s="192"/>
      <c r="AE17" s="192"/>
      <c r="AF17" s="192"/>
      <c r="AG17" s="192"/>
      <c r="AH17" s="192"/>
      <c r="AI17" s="193"/>
      <c r="AJ17" s="167"/>
      <c r="AK17" s="123"/>
      <c r="AL17" s="123"/>
      <c r="AM17" s="144"/>
      <c r="AN17" s="172"/>
      <c r="AO17" s="173"/>
      <c r="AP17" s="173"/>
      <c r="AQ17" s="173"/>
      <c r="AR17" s="173"/>
      <c r="AS17" s="173"/>
      <c r="AT17" s="123"/>
      <c r="AU17" s="144"/>
      <c r="AV17" s="54"/>
      <c r="AW17" s="55"/>
      <c r="AX17" s="55"/>
      <c r="AY17" s="57"/>
      <c r="AZ17" s="181"/>
      <c r="BA17" s="47"/>
      <c r="BB17" s="47"/>
      <c r="BC17" s="47"/>
      <c r="BD17" s="47"/>
      <c r="BE17" s="47"/>
      <c r="BF17" s="182"/>
    </row>
    <row r="18" spans="3:58" ht="15" customHeight="1">
      <c r="C18" s="134"/>
      <c r="D18" s="135"/>
      <c r="E18" s="135"/>
      <c r="F18" s="135"/>
      <c r="G18" s="135"/>
      <c r="H18" s="135"/>
      <c r="I18" s="135"/>
      <c r="J18" s="135"/>
      <c r="K18" s="135"/>
      <c r="L18" s="135"/>
      <c r="M18" s="135"/>
      <c r="N18" s="135"/>
      <c r="O18" s="125" t="s">
        <v>18</v>
      </c>
      <c r="P18" s="125"/>
      <c r="Q18" s="125"/>
      <c r="R18" s="125"/>
      <c r="S18" s="125"/>
      <c r="T18" s="125"/>
      <c r="U18" s="125"/>
      <c r="V18" s="125"/>
      <c r="W18" s="125"/>
      <c r="X18" s="125"/>
      <c r="Y18" s="125"/>
      <c r="Z18" s="125"/>
      <c r="AA18" s="125"/>
      <c r="AB18" s="125"/>
      <c r="AC18" s="125"/>
      <c r="AD18" s="125" t="s">
        <v>19</v>
      </c>
      <c r="AE18" s="125"/>
      <c r="AF18" s="125"/>
      <c r="AG18" s="125"/>
      <c r="AH18" s="125"/>
      <c r="AI18" s="125"/>
      <c r="AJ18" s="125"/>
      <c r="AK18" s="125"/>
      <c r="AL18" s="125"/>
      <c r="AM18" s="125"/>
      <c r="AN18" s="125"/>
      <c r="AO18" s="125"/>
      <c r="AP18" s="125"/>
      <c r="AQ18" s="125"/>
      <c r="AR18" s="125"/>
      <c r="AS18" s="125" t="s">
        <v>20</v>
      </c>
      <c r="AT18" s="125"/>
      <c r="AU18" s="125"/>
      <c r="AV18" s="125"/>
      <c r="AW18" s="125"/>
      <c r="AX18" s="125"/>
      <c r="AY18" s="125"/>
      <c r="AZ18" s="125"/>
      <c r="BA18" s="125"/>
      <c r="BB18" s="125"/>
      <c r="BC18" s="125"/>
      <c r="BD18" s="125"/>
      <c r="BE18" s="125"/>
      <c r="BF18" s="136"/>
    </row>
    <row r="19" spans="3:58" ht="15" customHeight="1">
      <c r="C19" s="129" t="s">
        <v>21</v>
      </c>
      <c r="D19" s="84"/>
      <c r="E19" s="84"/>
      <c r="F19" s="84"/>
      <c r="G19" s="84"/>
      <c r="H19" s="84"/>
      <c r="I19" s="84"/>
      <c r="J19" s="84"/>
      <c r="K19" s="84"/>
      <c r="L19" s="84"/>
      <c r="M19" s="84"/>
      <c r="N19" s="130"/>
      <c r="O19" s="131"/>
      <c r="P19" s="132"/>
      <c r="Q19" s="132"/>
      <c r="R19" s="132"/>
      <c r="S19" s="132"/>
      <c r="T19" s="132"/>
      <c r="U19" s="132"/>
      <c r="V19" s="132"/>
      <c r="W19" s="132"/>
      <c r="X19" s="132"/>
      <c r="Y19" s="132"/>
      <c r="Z19" s="132"/>
      <c r="AA19" s="132"/>
      <c r="AB19" s="132"/>
      <c r="AC19" s="133"/>
      <c r="AD19" s="127"/>
      <c r="AE19" s="127"/>
      <c r="AF19" s="127"/>
      <c r="AG19" s="127"/>
      <c r="AH19" s="127"/>
      <c r="AI19" s="127"/>
      <c r="AJ19" s="127"/>
      <c r="AK19" s="127"/>
      <c r="AL19" s="127"/>
      <c r="AM19" s="127"/>
      <c r="AN19" s="127"/>
      <c r="AO19" s="127"/>
      <c r="AP19" s="127"/>
      <c r="AQ19" s="127"/>
      <c r="AR19" s="127"/>
      <c r="AS19" s="127"/>
      <c r="AT19" s="127"/>
      <c r="AU19" s="127"/>
      <c r="AV19" s="127"/>
      <c r="AW19" s="127"/>
      <c r="AX19" s="127"/>
      <c r="AY19" s="127"/>
      <c r="AZ19" s="127"/>
      <c r="BA19" s="127"/>
      <c r="BB19" s="127"/>
      <c r="BC19" s="127"/>
      <c r="BD19" s="127"/>
      <c r="BE19" s="127"/>
      <c r="BF19" s="128"/>
    </row>
    <row r="20" spans="3:58" ht="15" customHeight="1">
      <c r="C20" s="75"/>
      <c r="D20" s="55"/>
      <c r="E20" s="55"/>
      <c r="F20" s="55"/>
      <c r="G20" s="55"/>
      <c r="H20" s="55"/>
      <c r="I20" s="55"/>
      <c r="J20" s="55"/>
      <c r="K20" s="55"/>
      <c r="L20" s="55"/>
      <c r="M20" s="55"/>
      <c r="N20" s="57"/>
      <c r="O20" s="127"/>
      <c r="P20" s="127"/>
      <c r="Q20" s="127"/>
      <c r="R20" s="127"/>
      <c r="S20" s="127"/>
      <c r="T20" s="127"/>
      <c r="U20" s="127"/>
      <c r="V20" s="127"/>
      <c r="W20" s="127"/>
      <c r="X20" s="127"/>
      <c r="Y20" s="127"/>
      <c r="Z20" s="127"/>
      <c r="AA20" s="127"/>
      <c r="AB20" s="127"/>
      <c r="AC20" s="127"/>
      <c r="AD20" s="127"/>
      <c r="AE20" s="127"/>
      <c r="AF20" s="127"/>
      <c r="AG20" s="127"/>
      <c r="AH20" s="127"/>
      <c r="AI20" s="127"/>
      <c r="AJ20" s="127"/>
      <c r="AK20" s="127"/>
      <c r="AL20" s="127"/>
      <c r="AM20" s="127"/>
      <c r="AN20" s="127"/>
      <c r="AO20" s="127"/>
      <c r="AP20" s="127"/>
      <c r="AQ20" s="127"/>
      <c r="AR20" s="127"/>
      <c r="AS20" s="127"/>
      <c r="AT20" s="127"/>
      <c r="AU20" s="127"/>
      <c r="AV20" s="127"/>
      <c r="AW20" s="127"/>
      <c r="AX20" s="127"/>
      <c r="AY20" s="127"/>
      <c r="AZ20" s="127"/>
      <c r="BA20" s="127"/>
      <c r="BB20" s="127"/>
      <c r="BC20" s="127"/>
      <c r="BD20" s="127"/>
      <c r="BE20" s="127"/>
      <c r="BF20" s="128"/>
    </row>
    <row r="21" spans="3:58" ht="15" customHeight="1">
      <c r="C21" s="129" t="s">
        <v>22</v>
      </c>
      <c r="D21" s="84"/>
      <c r="E21" s="84"/>
      <c r="F21" s="84"/>
      <c r="G21" s="84"/>
      <c r="H21" s="84"/>
      <c r="I21" s="84"/>
      <c r="J21" s="84"/>
      <c r="K21" s="84"/>
      <c r="L21" s="84"/>
      <c r="M21" s="84"/>
      <c r="N21" s="130"/>
      <c r="O21" s="131"/>
      <c r="P21" s="132"/>
      <c r="Q21" s="132"/>
      <c r="R21" s="132"/>
      <c r="S21" s="132"/>
      <c r="T21" s="132"/>
      <c r="U21" s="132"/>
      <c r="V21" s="132"/>
      <c r="W21" s="132"/>
      <c r="X21" s="132"/>
      <c r="Y21" s="132"/>
      <c r="Z21" s="132"/>
      <c r="AA21" s="132"/>
      <c r="AB21" s="132"/>
      <c r="AC21" s="133"/>
      <c r="AD21" s="127"/>
      <c r="AE21" s="127"/>
      <c r="AF21" s="127"/>
      <c r="AG21" s="127"/>
      <c r="AH21" s="127"/>
      <c r="AI21" s="127"/>
      <c r="AJ21" s="127"/>
      <c r="AK21" s="127"/>
      <c r="AL21" s="127"/>
      <c r="AM21" s="127"/>
      <c r="AN21" s="127"/>
      <c r="AO21" s="127"/>
      <c r="AP21" s="127"/>
      <c r="AQ21" s="127"/>
      <c r="AR21" s="127"/>
      <c r="AS21" s="127"/>
      <c r="AT21" s="127"/>
      <c r="AU21" s="127"/>
      <c r="AV21" s="127"/>
      <c r="AW21" s="127"/>
      <c r="AX21" s="127"/>
      <c r="AY21" s="127"/>
      <c r="AZ21" s="127"/>
      <c r="BA21" s="127"/>
      <c r="BB21" s="127"/>
      <c r="BC21" s="127"/>
      <c r="BD21" s="127"/>
      <c r="BE21" s="127"/>
      <c r="BF21" s="128"/>
    </row>
    <row r="22" spans="3:58" ht="15" customHeight="1">
      <c r="C22" s="75"/>
      <c r="D22" s="55"/>
      <c r="E22" s="55"/>
      <c r="F22" s="55"/>
      <c r="G22" s="55"/>
      <c r="H22" s="55"/>
      <c r="I22" s="55"/>
      <c r="J22" s="55"/>
      <c r="K22" s="55"/>
      <c r="L22" s="55"/>
      <c r="M22" s="55"/>
      <c r="N22" s="57"/>
      <c r="O22" s="127"/>
      <c r="P22" s="127"/>
      <c r="Q22" s="127"/>
      <c r="R22" s="127"/>
      <c r="S22" s="127"/>
      <c r="T22" s="127"/>
      <c r="U22" s="127"/>
      <c r="V22" s="127"/>
      <c r="W22" s="127"/>
      <c r="X22" s="127"/>
      <c r="Y22" s="127"/>
      <c r="Z22" s="127"/>
      <c r="AA22" s="127"/>
      <c r="AB22" s="127"/>
      <c r="AC22" s="127"/>
      <c r="AD22" s="127"/>
      <c r="AE22" s="127"/>
      <c r="AF22" s="127"/>
      <c r="AG22" s="127"/>
      <c r="AH22" s="127"/>
      <c r="AI22" s="127"/>
      <c r="AJ22" s="127"/>
      <c r="AK22" s="127"/>
      <c r="AL22" s="127"/>
      <c r="AM22" s="127"/>
      <c r="AN22" s="127"/>
      <c r="AO22" s="127"/>
      <c r="AP22" s="127"/>
      <c r="AQ22" s="127"/>
      <c r="AR22" s="127"/>
      <c r="AS22" s="127"/>
      <c r="AT22" s="127"/>
      <c r="AU22" s="127"/>
      <c r="AV22" s="127"/>
      <c r="AW22" s="127"/>
      <c r="AX22" s="127"/>
      <c r="AY22" s="127"/>
      <c r="AZ22" s="127"/>
      <c r="BA22" s="127"/>
      <c r="BB22" s="127"/>
      <c r="BC22" s="127"/>
      <c r="BD22" s="127"/>
      <c r="BE22" s="127"/>
      <c r="BF22" s="128"/>
    </row>
    <row r="23" spans="3:58" ht="15" customHeight="1">
      <c r="C23" s="124" t="s">
        <v>23</v>
      </c>
      <c r="D23" s="125"/>
      <c r="E23" s="125"/>
      <c r="F23" s="125"/>
      <c r="G23" s="125"/>
      <c r="H23" s="125"/>
      <c r="I23" s="125"/>
      <c r="J23" s="125"/>
      <c r="K23" s="125"/>
      <c r="L23" s="125"/>
      <c r="M23" s="125"/>
      <c r="N23" s="125"/>
      <c r="O23" s="126"/>
      <c r="P23" s="127"/>
      <c r="Q23" s="127"/>
      <c r="R23" s="127"/>
      <c r="S23" s="127"/>
      <c r="T23" s="127"/>
      <c r="U23" s="127"/>
      <c r="V23" s="127"/>
      <c r="W23" s="127"/>
      <c r="X23" s="127"/>
      <c r="Y23" s="127"/>
      <c r="Z23" s="127"/>
      <c r="AA23" s="127"/>
      <c r="AB23" s="127"/>
      <c r="AC23" s="127"/>
      <c r="AD23" s="127"/>
      <c r="AE23" s="127"/>
      <c r="AF23" s="127"/>
      <c r="AG23" s="127"/>
      <c r="AH23" s="127"/>
      <c r="AI23" s="127"/>
      <c r="AJ23" s="127"/>
      <c r="AK23" s="127"/>
      <c r="AL23" s="127"/>
      <c r="AM23" s="127"/>
      <c r="AN23" s="127"/>
      <c r="AO23" s="127"/>
      <c r="AP23" s="127"/>
      <c r="AQ23" s="127"/>
      <c r="AR23" s="127"/>
      <c r="AS23" s="127"/>
      <c r="AT23" s="127"/>
      <c r="AU23" s="127"/>
      <c r="AV23" s="127"/>
      <c r="AW23" s="127"/>
      <c r="AX23" s="127"/>
      <c r="AY23" s="127"/>
      <c r="AZ23" s="127"/>
      <c r="BA23" s="127"/>
      <c r="BB23" s="127"/>
      <c r="BC23" s="127"/>
      <c r="BD23" s="127"/>
      <c r="BE23" s="127"/>
      <c r="BF23" s="128"/>
    </row>
    <row r="24" spans="3:58" ht="12" customHeight="1">
      <c r="C24" s="97" t="s">
        <v>13</v>
      </c>
      <c r="D24" s="98"/>
      <c r="E24" s="98"/>
      <c r="F24" s="98"/>
      <c r="G24" s="99"/>
      <c r="H24" s="100"/>
      <c r="I24" s="101"/>
      <c r="J24" s="101"/>
      <c r="K24" s="101"/>
      <c r="L24" s="101"/>
      <c r="M24" s="101"/>
      <c r="N24" s="101"/>
      <c r="O24" s="101"/>
      <c r="P24" s="101"/>
      <c r="Q24" s="102"/>
      <c r="R24" s="83"/>
      <c r="S24" s="84"/>
      <c r="T24" s="103"/>
      <c r="U24" s="104"/>
      <c r="V24" s="105"/>
      <c r="W24" s="83" t="s">
        <v>24</v>
      </c>
      <c r="X24" s="83"/>
      <c r="Y24" s="83"/>
      <c r="Z24" s="11" t="s">
        <v>25</v>
      </c>
      <c r="AA24" s="12"/>
      <c r="AB24" s="110"/>
      <c r="AC24" s="110"/>
      <c r="AD24" s="110"/>
      <c r="AE24" s="110"/>
      <c r="AF24" s="13" t="s">
        <v>26</v>
      </c>
      <c r="AG24" s="81"/>
      <c r="AH24" s="81"/>
      <c r="AI24" s="81"/>
      <c r="AJ24" s="81"/>
      <c r="AK24" s="81"/>
      <c r="AL24" s="81"/>
      <c r="AM24" s="81"/>
      <c r="AN24" s="81"/>
      <c r="AO24" s="81"/>
      <c r="AP24" s="81"/>
      <c r="AQ24" s="81"/>
      <c r="AR24" s="81"/>
      <c r="AS24" s="81"/>
      <c r="AT24" s="82"/>
      <c r="AU24" s="83" t="s">
        <v>27</v>
      </c>
      <c r="AV24" s="84"/>
      <c r="AW24" s="84"/>
      <c r="AX24" s="14" t="s">
        <v>28</v>
      </c>
      <c r="AY24" s="81"/>
      <c r="AZ24" s="81"/>
      <c r="BA24" s="81"/>
      <c r="BB24" s="81"/>
      <c r="BC24" s="81"/>
      <c r="BD24" s="81"/>
      <c r="BE24" s="81"/>
      <c r="BF24" s="15" t="s">
        <v>29</v>
      </c>
    </row>
    <row r="25" spans="3:58" ht="19.5" customHeight="1">
      <c r="C25" s="75" t="s">
        <v>30</v>
      </c>
      <c r="D25" s="55"/>
      <c r="E25" s="55"/>
      <c r="F25" s="55"/>
      <c r="G25" s="57"/>
      <c r="H25" s="111"/>
      <c r="I25" s="112"/>
      <c r="J25" s="112"/>
      <c r="K25" s="112"/>
      <c r="L25" s="112"/>
      <c r="M25" s="112"/>
      <c r="N25" s="112"/>
      <c r="O25" s="112"/>
      <c r="P25" s="112"/>
      <c r="Q25" s="113"/>
      <c r="R25" s="55"/>
      <c r="S25" s="55"/>
      <c r="T25" s="120"/>
      <c r="U25" s="121"/>
      <c r="V25" s="122"/>
      <c r="W25" s="123"/>
      <c r="X25" s="123"/>
      <c r="Y25" s="123"/>
      <c r="Z25" s="114"/>
      <c r="AA25" s="115"/>
      <c r="AB25" s="115"/>
      <c r="AC25" s="115"/>
      <c r="AD25" s="115"/>
      <c r="AE25" s="115"/>
      <c r="AF25" s="115"/>
      <c r="AG25" s="115"/>
      <c r="AH25" s="115"/>
      <c r="AI25" s="115"/>
      <c r="AJ25" s="115"/>
      <c r="AK25" s="115"/>
      <c r="AL25" s="115"/>
      <c r="AM25" s="115"/>
      <c r="AN25" s="115"/>
      <c r="AO25" s="115"/>
      <c r="AP25" s="115"/>
      <c r="AQ25" s="115"/>
      <c r="AR25" s="115"/>
      <c r="AS25" s="115"/>
      <c r="AT25" s="116"/>
      <c r="AU25" s="55"/>
      <c r="AV25" s="55"/>
      <c r="AW25" s="55"/>
      <c r="AX25" s="117"/>
      <c r="AY25" s="118"/>
      <c r="AZ25" s="118"/>
      <c r="BA25" s="118"/>
      <c r="BB25" s="16" t="s">
        <v>26</v>
      </c>
      <c r="BC25" s="118"/>
      <c r="BD25" s="118"/>
      <c r="BE25" s="118"/>
      <c r="BF25" s="119"/>
    </row>
    <row r="26" spans="3:58" ht="12" customHeight="1">
      <c r="C26" s="97" t="s">
        <v>13</v>
      </c>
      <c r="D26" s="98"/>
      <c r="E26" s="98"/>
      <c r="F26" s="98"/>
      <c r="G26" s="99"/>
      <c r="H26" s="100"/>
      <c r="I26" s="101"/>
      <c r="J26" s="101"/>
      <c r="K26" s="101"/>
      <c r="L26" s="101"/>
      <c r="M26" s="101"/>
      <c r="N26" s="101"/>
      <c r="O26" s="101"/>
      <c r="P26" s="101"/>
      <c r="Q26" s="102"/>
      <c r="R26" s="83"/>
      <c r="S26" s="84"/>
      <c r="T26" s="103"/>
      <c r="U26" s="104"/>
      <c r="V26" s="105"/>
      <c r="W26" s="83" t="s">
        <v>24</v>
      </c>
      <c r="X26" s="83"/>
      <c r="Y26" s="83"/>
      <c r="Z26" s="11" t="s">
        <v>25</v>
      </c>
      <c r="AA26" s="12"/>
      <c r="AB26" s="110"/>
      <c r="AC26" s="110"/>
      <c r="AD26" s="110"/>
      <c r="AE26" s="110"/>
      <c r="AF26" s="13" t="s">
        <v>26</v>
      </c>
      <c r="AG26" s="81"/>
      <c r="AH26" s="81"/>
      <c r="AI26" s="81"/>
      <c r="AJ26" s="81"/>
      <c r="AK26" s="81"/>
      <c r="AL26" s="81"/>
      <c r="AM26" s="81"/>
      <c r="AN26" s="81"/>
      <c r="AO26" s="81"/>
      <c r="AP26" s="81"/>
      <c r="AQ26" s="81"/>
      <c r="AR26" s="81"/>
      <c r="AS26" s="81"/>
      <c r="AT26" s="82"/>
      <c r="AU26" s="83" t="s">
        <v>27</v>
      </c>
      <c r="AV26" s="84"/>
      <c r="AW26" s="84"/>
      <c r="AX26" s="14" t="s">
        <v>28</v>
      </c>
      <c r="AY26" s="81"/>
      <c r="AZ26" s="81"/>
      <c r="BA26" s="81"/>
      <c r="BB26" s="81"/>
      <c r="BC26" s="81"/>
      <c r="BD26" s="81"/>
      <c r="BE26" s="81"/>
      <c r="BF26" s="15" t="s">
        <v>29</v>
      </c>
    </row>
    <row r="27" spans="3:58" ht="19.5" customHeight="1">
      <c r="C27" s="75" t="s">
        <v>19</v>
      </c>
      <c r="D27" s="55"/>
      <c r="E27" s="55"/>
      <c r="F27" s="55"/>
      <c r="G27" s="57"/>
      <c r="H27" s="111"/>
      <c r="I27" s="112"/>
      <c r="J27" s="112"/>
      <c r="K27" s="112"/>
      <c r="L27" s="112"/>
      <c r="M27" s="112"/>
      <c r="N27" s="112"/>
      <c r="O27" s="112"/>
      <c r="P27" s="112"/>
      <c r="Q27" s="113"/>
      <c r="R27" s="55"/>
      <c r="S27" s="55"/>
      <c r="T27" s="120"/>
      <c r="U27" s="121"/>
      <c r="V27" s="122"/>
      <c r="W27" s="123"/>
      <c r="X27" s="123"/>
      <c r="Y27" s="123"/>
      <c r="Z27" s="114"/>
      <c r="AA27" s="115"/>
      <c r="AB27" s="115"/>
      <c r="AC27" s="115"/>
      <c r="AD27" s="115"/>
      <c r="AE27" s="115"/>
      <c r="AF27" s="115"/>
      <c r="AG27" s="115"/>
      <c r="AH27" s="115"/>
      <c r="AI27" s="115"/>
      <c r="AJ27" s="115"/>
      <c r="AK27" s="115"/>
      <c r="AL27" s="115"/>
      <c r="AM27" s="115"/>
      <c r="AN27" s="115"/>
      <c r="AO27" s="115"/>
      <c r="AP27" s="115"/>
      <c r="AQ27" s="115"/>
      <c r="AR27" s="115"/>
      <c r="AS27" s="115"/>
      <c r="AT27" s="116"/>
      <c r="AU27" s="55"/>
      <c r="AV27" s="55"/>
      <c r="AW27" s="55"/>
      <c r="AX27" s="117"/>
      <c r="AY27" s="118"/>
      <c r="AZ27" s="118"/>
      <c r="BA27" s="118"/>
      <c r="BB27" s="16" t="s">
        <v>26</v>
      </c>
      <c r="BC27" s="118"/>
      <c r="BD27" s="118"/>
      <c r="BE27" s="118"/>
      <c r="BF27" s="119"/>
    </row>
    <row r="28" spans="3:58" ht="12" customHeight="1">
      <c r="C28" s="97" t="s">
        <v>13</v>
      </c>
      <c r="D28" s="98"/>
      <c r="E28" s="98"/>
      <c r="F28" s="98"/>
      <c r="G28" s="99"/>
      <c r="H28" s="100"/>
      <c r="I28" s="101"/>
      <c r="J28" s="101"/>
      <c r="K28" s="101"/>
      <c r="L28" s="101"/>
      <c r="M28" s="101"/>
      <c r="N28" s="101"/>
      <c r="O28" s="101"/>
      <c r="P28" s="101"/>
      <c r="Q28" s="102"/>
      <c r="R28" s="83"/>
      <c r="S28" s="84"/>
      <c r="T28" s="103"/>
      <c r="U28" s="104"/>
      <c r="V28" s="105"/>
      <c r="W28" s="83" t="s">
        <v>24</v>
      </c>
      <c r="X28" s="83"/>
      <c r="Y28" s="83"/>
      <c r="Z28" s="11" t="s">
        <v>25</v>
      </c>
      <c r="AA28" s="12"/>
      <c r="AB28" s="110"/>
      <c r="AC28" s="110"/>
      <c r="AD28" s="110"/>
      <c r="AE28" s="110"/>
      <c r="AF28" s="13" t="s">
        <v>26</v>
      </c>
      <c r="AG28" s="81"/>
      <c r="AH28" s="81"/>
      <c r="AI28" s="81"/>
      <c r="AJ28" s="81"/>
      <c r="AK28" s="81"/>
      <c r="AL28" s="81"/>
      <c r="AM28" s="81"/>
      <c r="AN28" s="81"/>
      <c r="AO28" s="81"/>
      <c r="AP28" s="81"/>
      <c r="AQ28" s="81"/>
      <c r="AR28" s="81"/>
      <c r="AS28" s="81"/>
      <c r="AT28" s="82"/>
      <c r="AU28" s="83" t="s">
        <v>27</v>
      </c>
      <c r="AV28" s="84"/>
      <c r="AW28" s="84"/>
      <c r="AX28" s="14" t="s">
        <v>28</v>
      </c>
      <c r="AY28" s="81"/>
      <c r="AZ28" s="81"/>
      <c r="BA28" s="81"/>
      <c r="BB28" s="81"/>
      <c r="BC28" s="81"/>
      <c r="BD28" s="81"/>
      <c r="BE28" s="81"/>
      <c r="BF28" s="15" t="s">
        <v>29</v>
      </c>
    </row>
    <row r="29" spans="3:58" ht="19.5" customHeight="1">
      <c r="C29" s="75" t="s">
        <v>20</v>
      </c>
      <c r="D29" s="55"/>
      <c r="E29" s="55"/>
      <c r="F29" s="55"/>
      <c r="G29" s="57"/>
      <c r="H29" s="111"/>
      <c r="I29" s="112"/>
      <c r="J29" s="112"/>
      <c r="K29" s="112"/>
      <c r="L29" s="112"/>
      <c r="M29" s="112"/>
      <c r="N29" s="112"/>
      <c r="O29" s="112"/>
      <c r="P29" s="112"/>
      <c r="Q29" s="113"/>
      <c r="R29" s="55"/>
      <c r="S29" s="55"/>
      <c r="T29" s="120"/>
      <c r="U29" s="121"/>
      <c r="V29" s="122"/>
      <c r="W29" s="123"/>
      <c r="X29" s="123"/>
      <c r="Y29" s="123"/>
      <c r="Z29" s="114"/>
      <c r="AA29" s="115"/>
      <c r="AB29" s="115"/>
      <c r="AC29" s="115"/>
      <c r="AD29" s="115"/>
      <c r="AE29" s="115"/>
      <c r="AF29" s="115"/>
      <c r="AG29" s="115"/>
      <c r="AH29" s="115"/>
      <c r="AI29" s="115"/>
      <c r="AJ29" s="115"/>
      <c r="AK29" s="115"/>
      <c r="AL29" s="115"/>
      <c r="AM29" s="115"/>
      <c r="AN29" s="115"/>
      <c r="AO29" s="115"/>
      <c r="AP29" s="115"/>
      <c r="AQ29" s="115"/>
      <c r="AR29" s="115"/>
      <c r="AS29" s="115"/>
      <c r="AT29" s="116"/>
      <c r="AU29" s="55"/>
      <c r="AV29" s="55"/>
      <c r="AW29" s="55"/>
      <c r="AX29" s="117"/>
      <c r="AY29" s="118"/>
      <c r="AZ29" s="118"/>
      <c r="BA29" s="118"/>
      <c r="BB29" s="16" t="s">
        <v>26</v>
      </c>
      <c r="BC29" s="118"/>
      <c r="BD29" s="118"/>
      <c r="BE29" s="118"/>
      <c r="BF29" s="119"/>
    </row>
    <row r="30" spans="3:58" ht="12" customHeight="1">
      <c r="C30" s="97" t="s">
        <v>13</v>
      </c>
      <c r="D30" s="98"/>
      <c r="E30" s="98"/>
      <c r="F30" s="98"/>
      <c r="G30" s="99"/>
      <c r="H30" s="100"/>
      <c r="I30" s="101"/>
      <c r="J30" s="101"/>
      <c r="K30" s="101"/>
      <c r="L30" s="101"/>
      <c r="M30" s="101"/>
      <c r="N30" s="101"/>
      <c r="O30" s="101"/>
      <c r="P30" s="101"/>
      <c r="Q30" s="102"/>
      <c r="R30" s="83"/>
      <c r="S30" s="84"/>
      <c r="T30" s="103"/>
      <c r="U30" s="104"/>
      <c r="V30" s="105"/>
      <c r="W30" s="83" t="s">
        <v>24</v>
      </c>
      <c r="X30" s="83"/>
      <c r="Y30" s="83"/>
      <c r="Z30" s="11" t="s">
        <v>25</v>
      </c>
      <c r="AA30" s="12"/>
      <c r="AB30" s="110"/>
      <c r="AC30" s="110"/>
      <c r="AD30" s="110"/>
      <c r="AE30" s="110"/>
      <c r="AF30" s="13" t="s">
        <v>26</v>
      </c>
      <c r="AG30" s="81"/>
      <c r="AH30" s="81"/>
      <c r="AI30" s="81"/>
      <c r="AJ30" s="81"/>
      <c r="AK30" s="81"/>
      <c r="AL30" s="81"/>
      <c r="AM30" s="81"/>
      <c r="AN30" s="81"/>
      <c r="AO30" s="81"/>
      <c r="AP30" s="81"/>
      <c r="AQ30" s="81"/>
      <c r="AR30" s="81"/>
      <c r="AS30" s="81"/>
      <c r="AT30" s="82"/>
      <c r="AU30" s="83" t="s">
        <v>27</v>
      </c>
      <c r="AV30" s="84"/>
      <c r="AW30" s="84"/>
      <c r="AX30" s="14" t="s">
        <v>28</v>
      </c>
      <c r="AY30" s="81"/>
      <c r="AZ30" s="81"/>
      <c r="BA30" s="81"/>
      <c r="BB30" s="81"/>
      <c r="BC30" s="81"/>
      <c r="BD30" s="81"/>
      <c r="BE30" s="81"/>
      <c r="BF30" s="15" t="s">
        <v>29</v>
      </c>
    </row>
    <row r="31" spans="3:58" ht="19.5" customHeight="1" thickBot="1">
      <c r="C31" s="86" t="s">
        <v>31</v>
      </c>
      <c r="D31" s="85"/>
      <c r="E31" s="85"/>
      <c r="F31" s="85"/>
      <c r="G31" s="87"/>
      <c r="H31" s="88"/>
      <c r="I31" s="89"/>
      <c r="J31" s="89"/>
      <c r="K31" s="89"/>
      <c r="L31" s="89"/>
      <c r="M31" s="89"/>
      <c r="N31" s="89"/>
      <c r="O31" s="89"/>
      <c r="P31" s="89"/>
      <c r="Q31" s="90"/>
      <c r="R31" s="85"/>
      <c r="S31" s="85"/>
      <c r="T31" s="106"/>
      <c r="U31" s="107"/>
      <c r="V31" s="108"/>
      <c r="W31" s="109"/>
      <c r="X31" s="109"/>
      <c r="Y31" s="109"/>
      <c r="Z31" s="91"/>
      <c r="AA31" s="92"/>
      <c r="AB31" s="92"/>
      <c r="AC31" s="92"/>
      <c r="AD31" s="92"/>
      <c r="AE31" s="92"/>
      <c r="AF31" s="92"/>
      <c r="AG31" s="92"/>
      <c r="AH31" s="92"/>
      <c r="AI31" s="92"/>
      <c r="AJ31" s="92"/>
      <c r="AK31" s="92"/>
      <c r="AL31" s="92"/>
      <c r="AM31" s="92"/>
      <c r="AN31" s="92"/>
      <c r="AO31" s="92"/>
      <c r="AP31" s="92"/>
      <c r="AQ31" s="92"/>
      <c r="AR31" s="92"/>
      <c r="AS31" s="92"/>
      <c r="AT31" s="93"/>
      <c r="AU31" s="85"/>
      <c r="AV31" s="85"/>
      <c r="AW31" s="85"/>
      <c r="AX31" s="94"/>
      <c r="AY31" s="95"/>
      <c r="AZ31" s="95"/>
      <c r="BA31" s="95"/>
      <c r="BB31" s="17" t="s">
        <v>26</v>
      </c>
      <c r="BC31" s="95"/>
      <c r="BD31" s="95"/>
      <c r="BE31" s="95"/>
      <c r="BF31" s="96"/>
    </row>
    <row r="32" spans="3:58" ht="3.75" customHeight="1"/>
    <row r="33" spans="3:58">
      <c r="C33" s="18" t="s">
        <v>32</v>
      </c>
      <c r="D33" s="2"/>
      <c r="E33" s="2"/>
      <c r="F33" s="2"/>
      <c r="G33" s="2"/>
      <c r="H33" s="2"/>
      <c r="I33" s="19" t="s">
        <v>33</v>
      </c>
    </row>
    <row r="34" spans="3:58" ht="3" customHeight="1" thickBot="1"/>
    <row r="35" spans="3:58">
      <c r="C35" s="73" t="s">
        <v>34</v>
      </c>
      <c r="D35" s="52"/>
      <c r="E35" s="74"/>
      <c r="F35" s="51" t="s">
        <v>35</v>
      </c>
      <c r="G35" s="52"/>
      <c r="H35" s="52"/>
      <c r="I35" s="52"/>
      <c r="J35" s="52"/>
      <c r="K35" s="52"/>
      <c r="L35" s="52"/>
      <c r="M35" s="52"/>
      <c r="N35" s="52"/>
      <c r="O35" s="52"/>
      <c r="P35" s="74"/>
      <c r="Q35" s="51" t="s">
        <v>36</v>
      </c>
      <c r="R35" s="52"/>
      <c r="S35" s="74"/>
      <c r="T35" s="51" t="s">
        <v>37</v>
      </c>
      <c r="U35" s="52"/>
      <c r="V35" s="74"/>
      <c r="W35" s="76" t="s">
        <v>38</v>
      </c>
      <c r="X35" s="77"/>
      <c r="Y35" s="77"/>
      <c r="Z35" s="77"/>
      <c r="AA35" s="77"/>
      <c r="AB35" s="77"/>
      <c r="AC35" s="77"/>
      <c r="AD35" s="77"/>
      <c r="AE35" s="77"/>
      <c r="AF35" s="77"/>
      <c r="AG35" s="77"/>
      <c r="AH35" s="77"/>
      <c r="AI35" s="77"/>
      <c r="AJ35" s="77"/>
      <c r="AK35" s="77"/>
      <c r="AL35" s="78"/>
      <c r="AM35" s="51" t="s">
        <v>39</v>
      </c>
      <c r="AN35" s="52"/>
      <c r="AO35" s="52"/>
      <c r="AP35" s="52"/>
      <c r="AQ35" s="52"/>
      <c r="AR35" s="52"/>
      <c r="AS35" s="52"/>
      <c r="AT35" s="52"/>
      <c r="AU35" s="52"/>
      <c r="AV35" s="52"/>
      <c r="AW35" s="52"/>
      <c r="AX35" s="52"/>
      <c r="AY35" s="74"/>
      <c r="AZ35" s="51" t="s">
        <v>40</v>
      </c>
      <c r="BA35" s="52"/>
      <c r="BB35" s="52"/>
      <c r="BC35" s="52"/>
      <c r="BD35" s="52"/>
      <c r="BE35" s="52"/>
      <c r="BF35" s="53"/>
    </row>
    <row r="36" spans="3:58">
      <c r="C36" s="75"/>
      <c r="D36" s="55"/>
      <c r="E36" s="57"/>
      <c r="F36" s="54"/>
      <c r="G36" s="55"/>
      <c r="H36" s="55"/>
      <c r="I36" s="55"/>
      <c r="J36" s="55"/>
      <c r="K36" s="55"/>
      <c r="L36" s="55"/>
      <c r="M36" s="55"/>
      <c r="N36" s="55"/>
      <c r="O36" s="55"/>
      <c r="P36" s="57"/>
      <c r="Q36" s="54"/>
      <c r="R36" s="55"/>
      <c r="S36" s="57"/>
      <c r="T36" s="54"/>
      <c r="U36" s="55"/>
      <c r="V36" s="57"/>
      <c r="W36" s="54" t="s">
        <v>41</v>
      </c>
      <c r="X36" s="55"/>
      <c r="Y36" s="55"/>
      <c r="Z36" s="55"/>
      <c r="AA36" s="55"/>
      <c r="AB36" s="57"/>
      <c r="AC36" s="54" t="s">
        <v>42</v>
      </c>
      <c r="AD36" s="55"/>
      <c r="AE36" s="55"/>
      <c r="AF36" s="55"/>
      <c r="AG36" s="55"/>
      <c r="AH36" s="55"/>
      <c r="AI36" s="55"/>
      <c r="AJ36" s="55"/>
      <c r="AK36" s="55"/>
      <c r="AL36" s="57"/>
      <c r="AM36" s="54"/>
      <c r="AN36" s="55"/>
      <c r="AO36" s="55"/>
      <c r="AP36" s="55"/>
      <c r="AQ36" s="55"/>
      <c r="AR36" s="55"/>
      <c r="AS36" s="55"/>
      <c r="AT36" s="55"/>
      <c r="AU36" s="55"/>
      <c r="AV36" s="55"/>
      <c r="AW36" s="55"/>
      <c r="AX36" s="55"/>
      <c r="AY36" s="57"/>
      <c r="AZ36" s="54"/>
      <c r="BA36" s="55"/>
      <c r="BB36" s="55"/>
      <c r="BC36" s="55"/>
      <c r="BD36" s="55"/>
      <c r="BE36" s="55"/>
      <c r="BF36" s="56"/>
    </row>
    <row r="37" spans="3:58" ht="27" customHeight="1">
      <c r="C37" s="58"/>
      <c r="D37" s="59"/>
      <c r="E37" s="60"/>
      <c r="F37" s="61"/>
      <c r="G37" s="62"/>
      <c r="H37" s="62"/>
      <c r="I37" s="62"/>
      <c r="J37" s="62"/>
      <c r="K37" s="62"/>
      <c r="L37" s="62"/>
      <c r="M37" s="62"/>
      <c r="N37" s="62"/>
      <c r="O37" s="62"/>
      <c r="P37" s="63"/>
      <c r="Q37" s="64"/>
      <c r="R37" s="65"/>
      <c r="S37" s="66"/>
      <c r="T37" s="67"/>
      <c r="U37" s="68"/>
      <c r="V37" s="69"/>
      <c r="W37" s="43"/>
      <c r="X37" s="44"/>
      <c r="Y37" s="44"/>
      <c r="Z37" s="44"/>
      <c r="AA37" s="44"/>
      <c r="AB37" s="45"/>
      <c r="AC37" s="44"/>
      <c r="AD37" s="44"/>
      <c r="AE37" s="44"/>
      <c r="AF37" s="44"/>
      <c r="AG37" s="44"/>
      <c r="AH37" s="44"/>
      <c r="AI37" s="44"/>
      <c r="AJ37" s="44"/>
      <c r="AK37" s="44"/>
      <c r="AL37" s="45"/>
      <c r="AM37" s="70"/>
      <c r="AN37" s="71"/>
      <c r="AO37" s="71"/>
      <c r="AP37" s="71"/>
      <c r="AQ37" s="71"/>
      <c r="AR37" s="71"/>
      <c r="AS37" s="71"/>
      <c r="AT37" s="71"/>
      <c r="AU37" s="71"/>
      <c r="AV37" s="71"/>
      <c r="AW37" s="71"/>
      <c r="AX37" s="71"/>
      <c r="AY37" s="72"/>
      <c r="AZ37" s="79"/>
      <c r="BA37" s="59"/>
      <c r="BB37" s="59"/>
      <c r="BC37" s="59"/>
      <c r="BD37" s="59"/>
      <c r="BE37" s="59"/>
      <c r="BF37" s="80"/>
    </row>
    <row r="38" spans="3:58" ht="27" customHeight="1">
      <c r="C38" s="39"/>
      <c r="D38" s="26"/>
      <c r="E38" s="26"/>
      <c r="F38" s="48"/>
      <c r="G38" s="49"/>
      <c r="H38" s="49"/>
      <c r="I38" s="49"/>
      <c r="J38" s="49"/>
      <c r="K38" s="49"/>
      <c r="L38" s="49"/>
      <c r="M38" s="49"/>
      <c r="N38" s="49"/>
      <c r="O38" s="49"/>
      <c r="P38" s="50"/>
      <c r="Q38" s="41"/>
      <c r="R38" s="41"/>
      <c r="S38" s="41"/>
      <c r="T38" s="42"/>
      <c r="U38" s="42"/>
      <c r="V38" s="42"/>
      <c r="W38" s="43"/>
      <c r="X38" s="44"/>
      <c r="Y38" s="44"/>
      <c r="Z38" s="44"/>
      <c r="AA38" s="44"/>
      <c r="AB38" s="45"/>
      <c r="AC38" s="44"/>
      <c r="AD38" s="44"/>
      <c r="AE38" s="44"/>
      <c r="AF38" s="44"/>
      <c r="AG38" s="44"/>
      <c r="AH38" s="44"/>
      <c r="AI38" s="44"/>
      <c r="AJ38" s="44"/>
      <c r="AK38" s="44"/>
      <c r="AL38" s="45"/>
      <c r="AM38" s="24"/>
      <c r="AN38" s="24"/>
      <c r="AO38" s="24"/>
      <c r="AP38" s="24"/>
      <c r="AQ38" s="24"/>
      <c r="AR38" s="24"/>
      <c r="AS38" s="24"/>
      <c r="AT38" s="24"/>
      <c r="AU38" s="24"/>
      <c r="AV38" s="24"/>
      <c r="AW38" s="24"/>
      <c r="AX38" s="24"/>
      <c r="AY38" s="25"/>
      <c r="AZ38" s="26"/>
      <c r="BA38" s="26"/>
      <c r="BB38" s="26"/>
      <c r="BC38" s="26"/>
      <c r="BD38" s="26"/>
      <c r="BE38" s="26"/>
      <c r="BF38" s="27"/>
    </row>
    <row r="39" spans="3:58" ht="27" customHeight="1">
      <c r="C39" s="39"/>
      <c r="D39" s="26"/>
      <c r="E39" s="26"/>
      <c r="F39" s="48"/>
      <c r="G39" s="49"/>
      <c r="H39" s="49"/>
      <c r="I39" s="49"/>
      <c r="J39" s="49"/>
      <c r="K39" s="49"/>
      <c r="L39" s="49"/>
      <c r="M39" s="49"/>
      <c r="N39" s="49"/>
      <c r="O39" s="49"/>
      <c r="P39" s="50"/>
      <c r="Q39" s="41"/>
      <c r="R39" s="41"/>
      <c r="S39" s="41"/>
      <c r="T39" s="42"/>
      <c r="U39" s="42"/>
      <c r="V39" s="42"/>
      <c r="W39" s="43"/>
      <c r="X39" s="44"/>
      <c r="Y39" s="44"/>
      <c r="Z39" s="44"/>
      <c r="AA39" s="44"/>
      <c r="AB39" s="45"/>
      <c r="AC39" s="44"/>
      <c r="AD39" s="44"/>
      <c r="AE39" s="44"/>
      <c r="AF39" s="44"/>
      <c r="AG39" s="44"/>
      <c r="AH39" s="44"/>
      <c r="AI39" s="44"/>
      <c r="AJ39" s="44"/>
      <c r="AK39" s="44"/>
      <c r="AL39" s="45"/>
      <c r="AM39" s="24"/>
      <c r="AN39" s="24"/>
      <c r="AO39" s="24"/>
      <c r="AP39" s="24"/>
      <c r="AQ39" s="24"/>
      <c r="AR39" s="24"/>
      <c r="AS39" s="24"/>
      <c r="AT39" s="24"/>
      <c r="AU39" s="24"/>
      <c r="AV39" s="24"/>
      <c r="AW39" s="24"/>
      <c r="AX39" s="24"/>
      <c r="AY39" s="25"/>
      <c r="AZ39" s="26"/>
      <c r="BA39" s="26"/>
      <c r="BB39" s="26"/>
      <c r="BC39" s="26"/>
      <c r="BD39" s="26"/>
      <c r="BE39" s="26"/>
      <c r="BF39" s="27"/>
    </row>
    <row r="40" spans="3:58" ht="27" customHeight="1">
      <c r="C40" s="39"/>
      <c r="D40" s="26"/>
      <c r="E40" s="26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1"/>
      <c r="R40" s="41"/>
      <c r="S40" s="41"/>
      <c r="T40" s="42"/>
      <c r="U40" s="42"/>
      <c r="V40" s="42"/>
      <c r="W40" s="43"/>
      <c r="X40" s="44"/>
      <c r="Y40" s="44"/>
      <c r="Z40" s="44"/>
      <c r="AA40" s="44"/>
      <c r="AB40" s="45"/>
      <c r="AC40" s="44"/>
      <c r="AD40" s="44"/>
      <c r="AE40" s="44"/>
      <c r="AF40" s="44"/>
      <c r="AG40" s="44"/>
      <c r="AH40" s="44"/>
      <c r="AI40" s="44"/>
      <c r="AJ40" s="44"/>
      <c r="AK40" s="44"/>
      <c r="AL40" s="45"/>
      <c r="AM40" s="24"/>
      <c r="AN40" s="24"/>
      <c r="AO40" s="24"/>
      <c r="AP40" s="24"/>
      <c r="AQ40" s="24"/>
      <c r="AR40" s="24"/>
      <c r="AS40" s="24"/>
      <c r="AT40" s="24"/>
      <c r="AU40" s="24"/>
      <c r="AV40" s="24"/>
      <c r="AW40" s="24"/>
      <c r="AX40" s="24"/>
      <c r="AY40" s="25"/>
      <c r="AZ40" s="26"/>
      <c r="BA40" s="26"/>
      <c r="BB40" s="26"/>
      <c r="BC40" s="26"/>
      <c r="BD40" s="26"/>
      <c r="BE40" s="26"/>
      <c r="BF40" s="27"/>
    </row>
    <row r="41" spans="3:58" ht="27" customHeight="1">
      <c r="C41" s="39"/>
      <c r="D41" s="26"/>
      <c r="E41" s="26"/>
      <c r="F41" s="40"/>
      <c r="G41" s="40"/>
      <c r="H41" s="40"/>
      <c r="I41" s="40"/>
      <c r="J41" s="40"/>
      <c r="K41" s="40"/>
      <c r="L41" s="40"/>
      <c r="M41" s="40"/>
      <c r="N41" s="40"/>
      <c r="O41" s="40"/>
      <c r="P41" s="40"/>
      <c r="Q41" s="41"/>
      <c r="R41" s="41"/>
      <c r="S41" s="41"/>
      <c r="T41" s="42"/>
      <c r="U41" s="42"/>
      <c r="V41" s="42"/>
      <c r="W41" s="43"/>
      <c r="X41" s="44"/>
      <c r="Y41" s="44"/>
      <c r="Z41" s="44"/>
      <c r="AA41" s="44"/>
      <c r="AB41" s="45"/>
      <c r="AC41" s="44"/>
      <c r="AD41" s="44"/>
      <c r="AE41" s="44"/>
      <c r="AF41" s="44"/>
      <c r="AG41" s="44"/>
      <c r="AH41" s="44"/>
      <c r="AI41" s="44"/>
      <c r="AJ41" s="44"/>
      <c r="AK41" s="44"/>
      <c r="AL41" s="45"/>
      <c r="AM41" s="24"/>
      <c r="AN41" s="24"/>
      <c r="AO41" s="24"/>
      <c r="AP41" s="24"/>
      <c r="AQ41" s="24"/>
      <c r="AR41" s="24"/>
      <c r="AS41" s="24"/>
      <c r="AT41" s="24"/>
      <c r="AU41" s="24"/>
      <c r="AV41" s="24"/>
      <c r="AW41" s="24"/>
      <c r="AX41" s="24"/>
      <c r="AY41" s="25"/>
      <c r="AZ41" s="26"/>
      <c r="BA41" s="26"/>
      <c r="BB41" s="26"/>
      <c r="BC41" s="26"/>
      <c r="BD41" s="26"/>
      <c r="BE41" s="26"/>
      <c r="BF41" s="27"/>
    </row>
    <row r="42" spans="3:58" ht="27" customHeight="1">
      <c r="C42" s="39"/>
      <c r="D42" s="26"/>
      <c r="E42" s="26"/>
      <c r="F42" s="40"/>
      <c r="G42" s="40"/>
      <c r="H42" s="40"/>
      <c r="I42" s="40"/>
      <c r="J42" s="40"/>
      <c r="K42" s="40"/>
      <c r="L42" s="40"/>
      <c r="M42" s="40"/>
      <c r="N42" s="40"/>
      <c r="O42" s="40"/>
      <c r="P42" s="40"/>
      <c r="Q42" s="41"/>
      <c r="R42" s="41"/>
      <c r="S42" s="41"/>
      <c r="T42" s="42"/>
      <c r="U42" s="42"/>
      <c r="V42" s="42"/>
      <c r="W42" s="43"/>
      <c r="X42" s="44"/>
      <c r="Y42" s="44"/>
      <c r="Z42" s="44"/>
      <c r="AA42" s="44"/>
      <c r="AB42" s="45"/>
      <c r="AC42" s="44"/>
      <c r="AD42" s="44"/>
      <c r="AE42" s="44"/>
      <c r="AF42" s="44"/>
      <c r="AG42" s="44"/>
      <c r="AH42" s="44"/>
      <c r="AI42" s="44"/>
      <c r="AJ42" s="44"/>
      <c r="AK42" s="44"/>
      <c r="AL42" s="45"/>
      <c r="AM42" s="24"/>
      <c r="AN42" s="24"/>
      <c r="AO42" s="24"/>
      <c r="AP42" s="24"/>
      <c r="AQ42" s="24"/>
      <c r="AR42" s="24"/>
      <c r="AS42" s="24"/>
      <c r="AT42" s="24"/>
      <c r="AU42" s="24"/>
      <c r="AV42" s="24"/>
      <c r="AW42" s="24"/>
      <c r="AX42" s="24"/>
      <c r="AY42" s="25"/>
      <c r="AZ42" s="26"/>
      <c r="BA42" s="26"/>
      <c r="BB42" s="26"/>
      <c r="BC42" s="26"/>
      <c r="BD42" s="26"/>
      <c r="BE42" s="26"/>
      <c r="BF42" s="27"/>
    </row>
    <row r="43" spans="3:58" ht="27" customHeight="1">
      <c r="C43" s="39"/>
      <c r="D43" s="26"/>
      <c r="E43" s="26"/>
      <c r="F43" s="40"/>
      <c r="G43" s="40"/>
      <c r="H43" s="40"/>
      <c r="I43" s="40"/>
      <c r="J43" s="40"/>
      <c r="K43" s="40"/>
      <c r="L43" s="40"/>
      <c r="M43" s="40"/>
      <c r="N43" s="40"/>
      <c r="O43" s="40"/>
      <c r="P43" s="40"/>
      <c r="Q43" s="41"/>
      <c r="R43" s="41"/>
      <c r="S43" s="41"/>
      <c r="T43" s="42"/>
      <c r="U43" s="42"/>
      <c r="V43" s="42"/>
      <c r="W43" s="43"/>
      <c r="X43" s="44"/>
      <c r="Y43" s="44"/>
      <c r="Z43" s="44"/>
      <c r="AA43" s="44"/>
      <c r="AB43" s="45"/>
      <c r="AC43" s="44"/>
      <c r="AD43" s="44"/>
      <c r="AE43" s="44"/>
      <c r="AF43" s="44"/>
      <c r="AG43" s="44"/>
      <c r="AH43" s="44"/>
      <c r="AI43" s="44"/>
      <c r="AJ43" s="44"/>
      <c r="AK43" s="44"/>
      <c r="AL43" s="45"/>
      <c r="AM43" s="24"/>
      <c r="AN43" s="24"/>
      <c r="AO43" s="24"/>
      <c r="AP43" s="24"/>
      <c r="AQ43" s="24"/>
      <c r="AR43" s="24"/>
      <c r="AS43" s="24"/>
      <c r="AT43" s="24"/>
      <c r="AU43" s="24"/>
      <c r="AV43" s="24"/>
      <c r="AW43" s="24"/>
      <c r="AX43" s="24"/>
      <c r="AY43" s="25"/>
      <c r="AZ43" s="26"/>
      <c r="BA43" s="26"/>
      <c r="BB43" s="26"/>
      <c r="BC43" s="26"/>
      <c r="BD43" s="26"/>
      <c r="BE43" s="26"/>
      <c r="BF43" s="27"/>
    </row>
    <row r="44" spans="3:58" ht="27" customHeight="1">
      <c r="C44" s="39"/>
      <c r="D44" s="26"/>
      <c r="E44" s="26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1"/>
      <c r="R44" s="41"/>
      <c r="S44" s="41"/>
      <c r="T44" s="42"/>
      <c r="U44" s="42"/>
      <c r="V44" s="42"/>
      <c r="W44" s="43"/>
      <c r="X44" s="44"/>
      <c r="Y44" s="44"/>
      <c r="Z44" s="44"/>
      <c r="AA44" s="44"/>
      <c r="AB44" s="45"/>
      <c r="AC44" s="44"/>
      <c r="AD44" s="44"/>
      <c r="AE44" s="44"/>
      <c r="AF44" s="44"/>
      <c r="AG44" s="44"/>
      <c r="AH44" s="44"/>
      <c r="AI44" s="44"/>
      <c r="AJ44" s="44"/>
      <c r="AK44" s="44"/>
      <c r="AL44" s="45"/>
      <c r="AM44" s="24"/>
      <c r="AN44" s="24"/>
      <c r="AO44" s="24"/>
      <c r="AP44" s="24"/>
      <c r="AQ44" s="24"/>
      <c r="AR44" s="24"/>
      <c r="AS44" s="24"/>
      <c r="AT44" s="24"/>
      <c r="AU44" s="24"/>
      <c r="AV44" s="24"/>
      <c r="AW44" s="24"/>
      <c r="AX44" s="24"/>
      <c r="AY44" s="25"/>
      <c r="AZ44" s="26"/>
      <c r="BA44" s="26"/>
      <c r="BB44" s="26"/>
      <c r="BC44" s="26"/>
      <c r="BD44" s="26"/>
      <c r="BE44" s="26"/>
      <c r="BF44" s="27"/>
    </row>
    <row r="45" spans="3:58" ht="27" customHeight="1">
      <c r="C45" s="39"/>
      <c r="D45" s="26"/>
      <c r="E45" s="26"/>
      <c r="F45" s="40"/>
      <c r="G45" s="40"/>
      <c r="H45" s="40"/>
      <c r="I45" s="40"/>
      <c r="J45" s="40"/>
      <c r="K45" s="40"/>
      <c r="L45" s="40"/>
      <c r="M45" s="40"/>
      <c r="N45" s="40"/>
      <c r="O45" s="40"/>
      <c r="P45" s="40"/>
      <c r="Q45" s="41"/>
      <c r="R45" s="41"/>
      <c r="S45" s="41"/>
      <c r="T45" s="42"/>
      <c r="U45" s="42"/>
      <c r="V45" s="42"/>
      <c r="W45" s="43"/>
      <c r="X45" s="44"/>
      <c r="Y45" s="44"/>
      <c r="Z45" s="44"/>
      <c r="AA45" s="44"/>
      <c r="AB45" s="45"/>
      <c r="AC45" s="44"/>
      <c r="AD45" s="44"/>
      <c r="AE45" s="44"/>
      <c r="AF45" s="44"/>
      <c r="AG45" s="44"/>
      <c r="AH45" s="44"/>
      <c r="AI45" s="44"/>
      <c r="AJ45" s="44"/>
      <c r="AK45" s="44"/>
      <c r="AL45" s="45"/>
      <c r="AM45" s="24"/>
      <c r="AN45" s="24"/>
      <c r="AO45" s="24"/>
      <c r="AP45" s="24"/>
      <c r="AQ45" s="24"/>
      <c r="AR45" s="24"/>
      <c r="AS45" s="24"/>
      <c r="AT45" s="24"/>
      <c r="AU45" s="24"/>
      <c r="AV45" s="24"/>
      <c r="AW45" s="24"/>
      <c r="AX45" s="24"/>
      <c r="AY45" s="25"/>
      <c r="AZ45" s="26"/>
      <c r="BA45" s="26"/>
      <c r="BB45" s="26"/>
      <c r="BC45" s="26"/>
      <c r="BD45" s="26"/>
      <c r="BE45" s="26"/>
      <c r="BF45" s="27"/>
    </row>
    <row r="46" spans="3:58" ht="27" customHeight="1">
      <c r="C46" s="39"/>
      <c r="D46" s="26"/>
      <c r="E46" s="26"/>
      <c r="F46" s="40"/>
      <c r="G46" s="40"/>
      <c r="H46" s="40"/>
      <c r="I46" s="40"/>
      <c r="J46" s="40"/>
      <c r="K46" s="40"/>
      <c r="L46" s="40"/>
      <c r="M46" s="40"/>
      <c r="N46" s="40"/>
      <c r="O46" s="40"/>
      <c r="P46" s="40"/>
      <c r="Q46" s="41"/>
      <c r="R46" s="41"/>
      <c r="S46" s="41"/>
      <c r="T46" s="42"/>
      <c r="U46" s="42"/>
      <c r="V46" s="42"/>
      <c r="W46" s="43"/>
      <c r="X46" s="44"/>
      <c r="Y46" s="44"/>
      <c r="Z46" s="44"/>
      <c r="AA46" s="44"/>
      <c r="AB46" s="45"/>
      <c r="AC46" s="44"/>
      <c r="AD46" s="44"/>
      <c r="AE46" s="44"/>
      <c r="AF46" s="44"/>
      <c r="AG46" s="44"/>
      <c r="AH46" s="44"/>
      <c r="AI46" s="44"/>
      <c r="AJ46" s="44"/>
      <c r="AK46" s="44"/>
      <c r="AL46" s="45"/>
      <c r="AM46" s="24"/>
      <c r="AN46" s="24"/>
      <c r="AO46" s="24"/>
      <c r="AP46" s="24"/>
      <c r="AQ46" s="24"/>
      <c r="AR46" s="24"/>
      <c r="AS46" s="24"/>
      <c r="AT46" s="24"/>
      <c r="AU46" s="24"/>
      <c r="AV46" s="24"/>
      <c r="AW46" s="24"/>
      <c r="AX46" s="24"/>
      <c r="AY46" s="25"/>
      <c r="AZ46" s="26"/>
      <c r="BA46" s="26"/>
      <c r="BB46" s="26"/>
      <c r="BC46" s="26"/>
      <c r="BD46" s="26"/>
      <c r="BE46" s="26"/>
      <c r="BF46" s="27"/>
    </row>
    <row r="47" spans="3:58" ht="27" customHeight="1">
      <c r="C47" s="39"/>
      <c r="D47" s="26"/>
      <c r="E47" s="26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1"/>
      <c r="R47" s="41"/>
      <c r="S47" s="41"/>
      <c r="T47" s="42"/>
      <c r="U47" s="42"/>
      <c r="V47" s="42"/>
      <c r="W47" s="43"/>
      <c r="X47" s="44"/>
      <c r="Y47" s="44"/>
      <c r="Z47" s="44"/>
      <c r="AA47" s="44"/>
      <c r="AB47" s="45"/>
      <c r="AC47" s="44"/>
      <c r="AD47" s="44"/>
      <c r="AE47" s="44"/>
      <c r="AF47" s="44"/>
      <c r="AG47" s="44"/>
      <c r="AH47" s="44"/>
      <c r="AI47" s="44"/>
      <c r="AJ47" s="44"/>
      <c r="AK47" s="44"/>
      <c r="AL47" s="45"/>
      <c r="AM47" s="24"/>
      <c r="AN47" s="24"/>
      <c r="AO47" s="24"/>
      <c r="AP47" s="24"/>
      <c r="AQ47" s="24"/>
      <c r="AR47" s="24"/>
      <c r="AS47" s="24"/>
      <c r="AT47" s="24"/>
      <c r="AU47" s="24"/>
      <c r="AV47" s="24"/>
      <c r="AW47" s="24"/>
      <c r="AX47" s="24"/>
      <c r="AY47" s="25"/>
      <c r="AZ47" s="26"/>
      <c r="BA47" s="26"/>
      <c r="BB47" s="26"/>
      <c r="BC47" s="26"/>
      <c r="BD47" s="26"/>
      <c r="BE47" s="26"/>
      <c r="BF47" s="27"/>
    </row>
    <row r="48" spans="3:58" ht="27" customHeight="1" thickBot="1">
      <c r="C48" s="28"/>
      <c r="D48" s="29"/>
      <c r="E48" s="29"/>
      <c r="F48" s="30"/>
      <c r="G48" s="30"/>
      <c r="H48" s="30"/>
      <c r="I48" s="30"/>
      <c r="J48" s="30"/>
      <c r="K48" s="30"/>
      <c r="L48" s="30"/>
      <c r="M48" s="30"/>
      <c r="N48" s="30"/>
      <c r="O48" s="30"/>
      <c r="P48" s="30"/>
      <c r="Q48" s="31"/>
      <c r="R48" s="31"/>
      <c r="S48" s="31"/>
      <c r="T48" s="32"/>
      <c r="U48" s="32"/>
      <c r="V48" s="32"/>
      <c r="W48" s="33"/>
      <c r="X48" s="34"/>
      <c r="Y48" s="34"/>
      <c r="Z48" s="34"/>
      <c r="AA48" s="34"/>
      <c r="AB48" s="35"/>
      <c r="AC48" s="34"/>
      <c r="AD48" s="34"/>
      <c r="AE48" s="34"/>
      <c r="AF48" s="34"/>
      <c r="AG48" s="34"/>
      <c r="AH48" s="34"/>
      <c r="AI48" s="34"/>
      <c r="AJ48" s="34"/>
      <c r="AK48" s="34"/>
      <c r="AL48" s="35"/>
      <c r="AM48" s="36"/>
      <c r="AN48" s="36"/>
      <c r="AO48" s="36"/>
      <c r="AP48" s="36"/>
      <c r="AQ48" s="36"/>
      <c r="AR48" s="36"/>
      <c r="AS48" s="36"/>
      <c r="AT48" s="36"/>
      <c r="AU48" s="36"/>
      <c r="AV48" s="36"/>
      <c r="AW48" s="36"/>
      <c r="AX48" s="36"/>
      <c r="AY48" s="37"/>
      <c r="AZ48" s="29"/>
      <c r="BA48" s="29"/>
      <c r="BB48" s="29"/>
      <c r="BC48" s="29"/>
      <c r="BD48" s="29"/>
      <c r="BE48" s="29"/>
      <c r="BF48" s="38"/>
    </row>
    <row r="49" spans="3:58" ht="5.25" customHeight="1">
      <c r="C49" s="20"/>
      <c r="D49" s="20"/>
      <c r="E49" s="20"/>
      <c r="F49" s="20"/>
      <c r="G49" s="20"/>
      <c r="H49" s="20"/>
      <c r="I49" s="20"/>
      <c r="J49" s="20"/>
      <c r="K49" s="20"/>
      <c r="L49" s="20"/>
      <c r="M49" s="20"/>
      <c r="N49" s="20"/>
      <c r="O49" s="20"/>
      <c r="P49" s="20"/>
      <c r="Q49" s="20"/>
      <c r="R49" s="20"/>
      <c r="S49" s="20"/>
      <c r="T49" s="20"/>
      <c r="U49" s="20"/>
      <c r="V49" s="20"/>
      <c r="W49" s="20"/>
      <c r="X49" s="20"/>
      <c r="Y49" s="20"/>
      <c r="Z49" s="20"/>
      <c r="AA49" s="20"/>
      <c r="AB49" s="20"/>
      <c r="AC49" s="20"/>
      <c r="AD49" s="20"/>
      <c r="AE49" s="20"/>
      <c r="AF49" s="20"/>
      <c r="AG49" s="20"/>
      <c r="AH49" s="20"/>
      <c r="AI49" s="20"/>
      <c r="AJ49" s="20"/>
      <c r="AK49" s="20"/>
      <c r="AL49" s="20"/>
      <c r="AM49" s="20"/>
      <c r="AN49" s="20"/>
      <c r="AO49" s="20"/>
      <c r="AP49" s="20"/>
      <c r="AQ49" s="20"/>
      <c r="AR49" s="20"/>
      <c r="AS49" s="20"/>
      <c r="AT49" s="20"/>
      <c r="AU49" s="20"/>
      <c r="AV49" s="20"/>
      <c r="AW49" s="20"/>
      <c r="AX49" s="20"/>
      <c r="AY49" s="20"/>
      <c r="AZ49" s="20"/>
      <c r="BA49" s="20"/>
      <c r="BB49" s="20"/>
      <c r="BC49" s="20"/>
      <c r="BD49" s="20"/>
      <c r="BE49" s="20"/>
      <c r="BF49" s="20"/>
    </row>
    <row r="50" spans="3:58">
      <c r="C50" s="20" t="s">
        <v>43</v>
      </c>
      <c r="D50" s="20"/>
      <c r="E50" s="20"/>
      <c r="F50" s="20"/>
      <c r="G50" s="20"/>
      <c r="H50" s="20"/>
      <c r="I50" s="20"/>
      <c r="J50" s="20"/>
      <c r="K50" s="20"/>
      <c r="L50" s="20"/>
      <c r="M50" s="20"/>
      <c r="N50" s="20"/>
      <c r="O50" s="20"/>
      <c r="P50" s="20"/>
      <c r="Q50" s="20"/>
      <c r="R50" s="20"/>
      <c r="S50" s="20"/>
      <c r="T50" s="20"/>
      <c r="U50" s="20"/>
      <c r="V50" s="20"/>
      <c r="W50" s="20"/>
      <c r="X50" s="20"/>
      <c r="Y50" s="20"/>
      <c r="Z50" s="20"/>
      <c r="AA50" s="20"/>
      <c r="AB50" s="20"/>
      <c r="AC50" s="20"/>
      <c r="AD50" s="20"/>
      <c r="AE50" s="20"/>
      <c r="AF50" s="20"/>
      <c r="AG50" s="20"/>
      <c r="AH50" s="20"/>
      <c r="AI50" s="20"/>
      <c r="AJ50" s="20"/>
      <c r="AK50" s="20"/>
      <c r="AL50" s="20"/>
      <c r="AM50" s="20"/>
      <c r="AN50" s="20"/>
      <c r="AO50" s="20"/>
      <c r="AP50" s="20"/>
      <c r="AQ50" s="20"/>
      <c r="AR50" s="20"/>
      <c r="AS50" s="20"/>
      <c r="AT50" s="20"/>
      <c r="AU50" s="20"/>
      <c r="AV50" s="20"/>
      <c r="AW50" s="20"/>
      <c r="AX50" s="20"/>
      <c r="AY50" s="20"/>
      <c r="AZ50" s="20"/>
      <c r="BA50" s="20"/>
      <c r="BB50" s="20"/>
      <c r="BC50" s="20"/>
      <c r="BD50" s="20"/>
      <c r="BE50" s="20"/>
      <c r="BF50" s="20"/>
    </row>
    <row r="51" spans="3:58">
      <c r="C51" s="20" t="s">
        <v>50</v>
      </c>
      <c r="D51" s="20"/>
      <c r="E51" s="20"/>
      <c r="F51" s="20"/>
      <c r="G51" s="20"/>
      <c r="H51" s="20"/>
      <c r="I51" s="20"/>
      <c r="J51" s="20"/>
      <c r="K51" s="20"/>
      <c r="L51" s="20"/>
      <c r="M51" s="20"/>
      <c r="N51" s="20"/>
      <c r="O51" s="20"/>
      <c r="P51" s="20"/>
      <c r="Q51" s="20"/>
      <c r="R51" s="20"/>
      <c r="S51" s="20"/>
      <c r="T51" s="20"/>
      <c r="U51" s="20"/>
      <c r="V51" s="20"/>
      <c r="W51" s="20"/>
      <c r="X51" s="20"/>
      <c r="Y51" s="20"/>
      <c r="Z51" s="20"/>
      <c r="AA51" s="20"/>
      <c r="AB51" s="20"/>
      <c r="AC51" s="20"/>
      <c r="AD51" s="20"/>
      <c r="AE51" s="20"/>
      <c r="AF51" s="20"/>
      <c r="AG51" s="20"/>
      <c r="AH51" s="20"/>
      <c r="AI51" s="20"/>
      <c r="AJ51" s="20"/>
      <c r="AK51" s="20"/>
      <c r="AL51" s="20"/>
      <c r="AM51" s="20"/>
      <c r="AN51" s="20"/>
      <c r="AO51" s="20"/>
      <c r="AP51" s="20"/>
      <c r="AQ51" s="20"/>
      <c r="AR51" s="20"/>
      <c r="AS51" s="20"/>
      <c r="AT51" s="20"/>
      <c r="AU51" s="20"/>
      <c r="AV51" s="20"/>
      <c r="AW51" s="20"/>
      <c r="AX51" s="20"/>
      <c r="AY51" s="20"/>
      <c r="AZ51" s="20"/>
      <c r="BA51" s="20"/>
      <c r="BB51" s="20"/>
      <c r="BC51" s="20"/>
      <c r="BD51" s="20"/>
      <c r="BE51" s="20"/>
      <c r="BF51" s="20"/>
    </row>
    <row r="52" spans="3:58">
      <c r="C52" s="20" t="s">
        <v>44</v>
      </c>
      <c r="D52" s="20"/>
      <c r="E52" s="20"/>
      <c r="F52" s="20"/>
      <c r="G52" s="20"/>
      <c r="H52" s="20"/>
      <c r="I52" s="20"/>
      <c r="J52" s="20"/>
      <c r="K52" s="20"/>
      <c r="L52" s="20"/>
      <c r="M52" s="20"/>
      <c r="N52" s="20"/>
      <c r="O52" s="20"/>
      <c r="P52" s="20"/>
      <c r="Q52" s="20"/>
      <c r="R52" s="20"/>
      <c r="S52" s="20"/>
      <c r="T52" s="20"/>
      <c r="U52" s="20"/>
      <c r="V52" s="20"/>
      <c r="W52" s="20"/>
      <c r="X52" s="20"/>
      <c r="Y52" s="20"/>
      <c r="Z52" s="20"/>
      <c r="AA52" s="20"/>
      <c r="AB52" s="20"/>
      <c r="AC52" s="20"/>
      <c r="AD52" s="20"/>
      <c r="AE52" s="20"/>
      <c r="AF52" s="20"/>
      <c r="AG52" s="20"/>
      <c r="AH52" s="20"/>
      <c r="AI52" s="20"/>
      <c r="AJ52" s="20"/>
      <c r="AK52" s="20"/>
      <c r="AL52" s="20"/>
      <c r="AM52" s="20"/>
      <c r="AN52" s="20"/>
      <c r="AO52" s="20"/>
      <c r="AP52" s="20"/>
      <c r="AQ52" s="20"/>
      <c r="AR52" s="20"/>
      <c r="AS52" s="20"/>
      <c r="AT52" s="20"/>
      <c r="AU52" s="20"/>
      <c r="AV52" s="20"/>
      <c r="AW52" s="20"/>
      <c r="AX52" s="20"/>
      <c r="AY52" s="20"/>
      <c r="AZ52" s="20"/>
      <c r="BA52" s="20"/>
      <c r="BB52" s="20"/>
      <c r="BC52" s="20"/>
      <c r="BD52" s="20"/>
      <c r="BE52" s="20"/>
      <c r="BF52" s="20"/>
    </row>
    <row r="53" spans="3:58">
      <c r="C53" s="20" t="s">
        <v>45</v>
      </c>
      <c r="D53" s="20"/>
      <c r="E53" s="20"/>
      <c r="F53" s="20"/>
      <c r="G53" s="20"/>
      <c r="H53" s="20"/>
      <c r="I53" s="20"/>
      <c r="J53" s="20"/>
      <c r="K53" s="20"/>
      <c r="L53" s="20"/>
      <c r="M53" s="20"/>
      <c r="N53" s="20"/>
      <c r="O53" s="20"/>
      <c r="P53" s="20"/>
      <c r="Q53" s="20"/>
      <c r="R53" s="20"/>
      <c r="S53" s="20"/>
      <c r="T53" s="20"/>
      <c r="U53" s="20"/>
      <c r="V53" s="20"/>
      <c r="W53" s="20"/>
      <c r="X53" s="20"/>
      <c r="Y53" s="20"/>
      <c r="Z53" s="20"/>
      <c r="AA53" s="20"/>
      <c r="AB53" s="20"/>
      <c r="AC53" s="20"/>
      <c r="AD53" s="20"/>
      <c r="AE53" s="20"/>
      <c r="AF53" s="20"/>
      <c r="AG53" s="20"/>
      <c r="AH53" s="20"/>
      <c r="AI53" s="20"/>
      <c r="AJ53" s="21" t="s">
        <v>47</v>
      </c>
      <c r="AK53" s="21"/>
      <c r="AL53" s="21"/>
      <c r="AM53" s="21"/>
      <c r="AN53" s="21"/>
      <c r="AO53" s="21"/>
      <c r="AP53" s="21"/>
      <c r="AQ53" s="21"/>
      <c r="AR53" s="46"/>
      <c r="AS53" s="46"/>
      <c r="AT53" s="46"/>
      <c r="AU53" s="46"/>
      <c r="AV53" s="46"/>
      <c r="AW53" s="46"/>
      <c r="AX53" s="46"/>
      <c r="AY53" s="46"/>
      <c r="AZ53" s="46"/>
      <c r="BA53" s="46"/>
      <c r="BB53" s="46"/>
      <c r="BC53" s="46"/>
      <c r="BD53" s="46"/>
      <c r="BE53" s="46"/>
      <c r="BF53" s="46"/>
    </row>
    <row r="54" spans="3:58">
      <c r="C54" s="20" t="s">
        <v>46</v>
      </c>
      <c r="D54" s="20"/>
      <c r="E54" s="20"/>
      <c r="F54" s="20"/>
      <c r="G54" s="20"/>
      <c r="H54" s="20"/>
      <c r="I54" s="20"/>
      <c r="J54" s="20"/>
      <c r="K54" s="20"/>
      <c r="L54" s="20"/>
      <c r="M54" s="20"/>
      <c r="N54" s="20"/>
      <c r="O54" s="20"/>
      <c r="P54" s="20"/>
      <c r="Q54" s="20"/>
      <c r="R54" s="20"/>
      <c r="S54" s="20"/>
      <c r="T54" s="20"/>
      <c r="U54" s="20"/>
      <c r="V54" s="20"/>
      <c r="W54" s="20"/>
      <c r="X54" s="20"/>
      <c r="Y54" s="20"/>
      <c r="Z54" s="20"/>
      <c r="AA54" s="20"/>
      <c r="AB54" s="20"/>
      <c r="AC54" s="20"/>
      <c r="AD54" s="20"/>
      <c r="AE54" s="20"/>
      <c r="AF54" s="20"/>
      <c r="AG54" s="20"/>
      <c r="AH54" s="20"/>
      <c r="AI54" s="20"/>
      <c r="AJ54" s="21" t="s">
        <v>48</v>
      </c>
      <c r="AK54" s="21"/>
      <c r="AL54" s="21"/>
      <c r="AM54" s="21"/>
      <c r="AN54" s="21"/>
      <c r="AO54" s="21"/>
      <c r="AP54" s="21"/>
      <c r="AQ54" s="21"/>
      <c r="AR54" s="47"/>
      <c r="AS54" s="47"/>
      <c r="AT54" s="47"/>
      <c r="AU54" s="47"/>
      <c r="AV54" s="47"/>
      <c r="AW54" s="47"/>
      <c r="AX54" s="47"/>
      <c r="AY54" s="47"/>
      <c r="AZ54" s="47"/>
      <c r="BA54" s="47"/>
      <c r="BB54" s="47"/>
      <c r="BC54" s="47"/>
      <c r="BD54" s="47"/>
      <c r="BE54" s="47"/>
      <c r="BF54" s="47"/>
    </row>
    <row r="55" spans="3:58" ht="13.2" customHeight="1">
      <c r="D55" s="20"/>
      <c r="E55" s="20"/>
      <c r="F55" s="20"/>
      <c r="G55" s="20"/>
      <c r="H55" s="20"/>
      <c r="I55" s="20"/>
      <c r="J55" s="20"/>
      <c r="K55" s="20"/>
      <c r="L55" s="20"/>
      <c r="M55" s="20"/>
      <c r="N55" s="20"/>
      <c r="O55" s="20"/>
      <c r="P55" s="20"/>
      <c r="Q55" s="20"/>
      <c r="R55" s="20"/>
      <c r="S55" s="20"/>
      <c r="T55" s="20"/>
      <c r="U55" s="20"/>
      <c r="V55" s="20"/>
      <c r="W55" s="20"/>
      <c r="X55" s="20"/>
      <c r="Y55" s="20"/>
      <c r="Z55" s="20"/>
      <c r="AA55" s="20"/>
      <c r="AB55" s="20"/>
      <c r="AC55" s="20"/>
      <c r="AD55" s="20"/>
      <c r="AE55" s="20"/>
      <c r="AF55" s="20"/>
      <c r="AG55" s="20"/>
      <c r="AH55" s="20"/>
      <c r="AI55" s="20"/>
      <c r="AJ55" s="21"/>
      <c r="AK55" s="21"/>
      <c r="AL55" s="21"/>
      <c r="AM55" s="21"/>
      <c r="AN55" s="21"/>
      <c r="AO55" s="21"/>
      <c r="AP55" s="21"/>
      <c r="AQ55" s="21"/>
      <c r="AR55" s="22"/>
      <c r="AS55" s="22"/>
      <c r="AT55" s="22"/>
      <c r="AU55" s="22"/>
      <c r="AV55" s="22"/>
      <c r="AW55" s="22"/>
      <c r="AX55" s="22"/>
      <c r="AY55" s="22"/>
      <c r="AZ55" s="22"/>
      <c r="BA55" s="22"/>
      <c r="BB55" s="22"/>
      <c r="BC55" s="22"/>
      <c r="BD55" s="22"/>
      <c r="BE55" s="22"/>
      <c r="BF55" s="22"/>
    </row>
    <row r="56" spans="3:58" ht="13.2" customHeight="1">
      <c r="D56" s="20"/>
      <c r="E56" s="20"/>
      <c r="F56" s="20"/>
      <c r="G56" s="20"/>
      <c r="H56" s="20"/>
      <c r="I56" s="20"/>
      <c r="J56" s="20"/>
      <c r="K56" s="20"/>
      <c r="L56" s="20"/>
      <c r="M56" s="20"/>
      <c r="N56" s="20"/>
      <c r="O56" s="20"/>
      <c r="P56" s="20"/>
      <c r="Q56" s="20"/>
      <c r="R56" s="20"/>
      <c r="S56" s="20"/>
      <c r="T56" s="20"/>
      <c r="U56" s="20"/>
      <c r="V56" s="20"/>
      <c r="W56" s="20"/>
      <c r="X56" s="20"/>
      <c r="Y56" s="20"/>
      <c r="Z56" s="20"/>
      <c r="AA56" s="20"/>
      <c r="AB56" s="20"/>
      <c r="AC56" s="20"/>
      <c r="AD56" s="20"/>
      <c r="AE56" s="20"/>
      <c r="AF56" s="20"/>
      <c r="AG56" s="20"/>
      <c r="AH56" s="20"/>
      <c r="AI56" s="20"/>
      <c r="AJ56" s="21"/>
      <c r="AK56" s="21"/>
      <c r="AL56" s="21"/>
      <c r="AM56" s="21"/>
      <c r="AN56" s="21"/>
      <c r="AO56" s="21"/>
      <c r="AP56" s="21"/>
      <c r="AQ56" s="21"/>
      <c r="AR56" s="23"/>
      <c r="AS56" s="23"/>
      <c r="AT56" s="23"/>
      <c r="AU56" s="23"/>
      <c r="AV56" s="23"/>
      <c r="AW56" s="23"/>
      <c r="AX56" s="23"/>
      <c r="AY56" s="23"/>
      <c r="AZ56" s="23"/>
      <c r="BA56" s="23"/>
      <c r="BB56" s="23"/>
      <c r="BC56" s="23"/>
      <c r="BD56" s="23"/>
      <c r="BE56" s="23"/>
      <c r="BF56" s="23"/>
    </row>
    <row r="57" spans="3:58">
      <c r="C57" s="20"/>
      <c r="D57" s="20"/>
      <c r="E57" s="20"/>
      <c r="F57" s="20"/>
      <c r="G57" s="20"/>
      <c r="H57" s="20"/>
      <c r="I57" s="20"/>
      <c r="J57" s="20"/>
      <c r="K57" s="20"/>
      <c r="L57" s="20"/>
      <c r="M57" s="20"/>
      <c r="N57" s="20"/>
      <c r="O57" s="20"/>
      <c r="P57" s="20"/>
      <c r="Q57" s="20"/>
      <c r="R57" s="20"/>
      <c r="S57" s="20"/>
      <c r="T57" s="20"/>
      <c r="U57" s="20"/>
      <c r="V57" s="20"/>
      <c r="W57" s="20"/>
      <c r="X57" s="20"/>
      <c r="Y57" s="20"/>
      <c r="Z57" s="20"/>
      <c r="AA57" s="20"/>
      <c r="AB57" s="20"/>
      <c r="AC57" s="20"/>
      <c r="AD57" s="20"/>
      <c r="AE57" s="20"/>
      <c r="AF57" s="20"/>
      <c r="AG57" s="20"/>
      <c r="AH57" s="20"/>
      <c r="AI57" s="20"/>
      <c r="AJ57" s="20"/>
      <c r="AK57" s="20"/>
      <c r="AL57" s="20"/>
      <c r="AM57" s="20"/>
      <c r="AN57" s="20"/>
      <c r="AO57" s="20"/>
      <c r="AP57" s="20"/>
      <c r="AQ57" s="20"/>
      <c r="AR57" s="20"/>
      <c r="AS57" s="20"/>
      <c r="AT57" s="20"/>
      <c r="AU57" s="20"/>
      <c r="AV57" s="20"/>
      <c r="AW57" s="20"/>
      <c r="AX57" s="20"/>
      <c r="AY57" s="20"/>
      <c r="AZ57" s="20"/>
      <c r="BA57" s="20"/>
      <c r="BB57" s="20"/>
      <c r="BC57" s="20"/>
      <c r="BD57" s="20"/>
      <c r="BE57" s="20"/>
      <c r="BF57" s="20"/>
    </row>
  </sheetData>
  <mergeCells count="219">
    <mergeCell ref="AS1:AU1"/>
    <mergeCell ref="AV1:AW1"/>
    <mergeCell ref="AZ1:BA1"/>
    <mergeCell ref="BD1:BE1"/>
    <mergeCell ref="C2:J4"/>
    <mergeCell ref="K2:M4"/>
    <mergeCell ref="N2:T4"/>
    <mergeCell ref="U2:W4"/>
    <mergeCell ref="X2:BF4"/>
    <mergeCell ref="C14:G17"/>
    <mergeCell ref="H14:J14"/>
    <mergeCell ref="K14:X14"/>
    <mergeCell ref="Y14:AI14"/>
    <mergeCell ref="O5:V5"/>
    <mergeCell ref="C6:N8"/>
    <mergeCell ref="AX6:BG6"/>
    <mergeCell ref="AY7:BF8"/>
    <mergeCell ref="O8:AB8"/>
    <mergeCell ref="AC8:AG8"/>
    <mergeCell ref="AJ14:AM17"/>
    <mergeCell ref="AN14:AS17"/>
    <mergeCell ref="AT14:AU17"/>
    <mergeCell ref="AV14:AY17"/>
    <mergeCell ref="AZ14:BF17"/>
    <mergeCell ref="H15:X17"/>
    <mergeCell ref="Y15:AI16"/>
    <mergeCell ref="Y17:AI17"/>
    <mergeCell ref="H10:J12"/>
    <mergeCell ref="K11:AB11"/>
    <mergeCell ref="AC11:AG11"/>
    <mergeCell ref="AS20:BF20"/>
    <mergeCell ref="C21:N22"/>
    <mergeCell ref="O21:AC21"/>
    <mergeCell ref="AD21:AR21"/>
    <mergeCell ref="AS21:BF21"/>
    <mergeCell ref="O22:AC22"/>
    <mergeCell ref="AD22:AR22"/>
    <mergeCell ref="AS22:BF22"/>
    <mergeCell ref="C18:N18"/>
    <mergeCell ref="O18:AC18"/>
    <mergeCell ref="AD18:AR18"/>
    <mergeCell ref="AS18:BF18"/>
    <mergeCell ref="C19:N20"/>
    <mergeCell ref="O19:AC19"/>
    <mergeCell ref="AD19:AR19"/>
    <mergeCell ref="AS19:BF19"/>
    <mergeCell ref="O20:AC20"/>
    <mergeCell ref="AD20:AR20"/>
    <mergeCell ref="AG24:AT24"/>
    <mergeCell ref="AU24:AW25"/>
    <mergeCell ref="AY24:BE24"/>
    <mergeCell ref="C25:G25"/>
    <mergeCell ref="H25:Q25"/>
    <mergeCell ref="Z25:AT25"/>
    <mergeCell ref="AX25:BA25"/>
    <mergeCell ref="BC25:BF25"/>
    <mergeCell ref="C23:N23"/>
    <mergeCell ref="O23:AC23"/>
    <mergeCell ref="AD23:AR23"/>
    <mergeCell ref="AS23:BF23"/>
    <mergeCell ref="C24:G24"/>
    <mergeCell ref="H24:Q24"/>
    <mergeCell ref="R24:S25"/>
    <mergeCell ref="T24:V25"/>
    <mergeCell ref="W24:Y25"/>
    <mergeCell ref="AB24:AE24"/>
    <mergeCell ref="AG26:AT26"/>
    <mergeCell ref="AU26:AW27"/>
    <mergeCell ref="AY26:BE26"/>
    <mergeCell ref="C27:G27"/>
    <mergeCell ref="H27:Q27"/>
    <mergeCell ref="Z27:AT27"/>
    <mergeCell ref="AX27:BA27"/>
    <mergeCell ref="BC27:BF27"/>
    <mergeCell ref="C26:G26"/>
    <mergeCell ref="H26:Q26"/>
    <mergeCell ref="R26:S27"/>
    <mergeCell ref="T26:V27"/>
    <mergeCell ref="W26:Y27"/>
    <mergeCell ref="AB26:AE26"/>
    <mergeCell ref="AG28:AT28"/>
    <mergeCell ref="AU28:AW29"/>
    <mergeCell ref="AY28:BE28"/>
    <mergeCell ref="C29:G29"/>
    <mergeCell ref="H29:Q29"/>
    <mergeCell ref="Z29:AT29"/>
    <mergeCell ref="AX29:BA29"/>
    <mergeCell ref="BC29:BF29"/>
    <mergeCell ref="C28:G28"/>
    <mergeCell ref="H28:Q28"/>
    <mergeCell ref="R28:S29"/>
    <mergeCell ref="T28:V29"/>
    <mergeCell ref="W28:Y29"/>
    <mergeCell ref="AB28:AE28"/>
    <mergeCell ref="AG30:AT30"/>
    <mergeCell ref="AU30:AW31"/>
    <mergeCell ref="AY30:BE30"/>
    <mergeCell ref="C31:G31"/>
    <mergeCell ref="H31:Q31"/>
    <mergeCell ref="Z31:AT31"/>
    <mergeCell ref="AX31:BA31"/>
    <mergeCell ref="BC31:BF31"/>
    <mergeCell ref="C30:G30"/>
    <mergeCell ref="H30:Q30"/>
    <mergeCell ref="R30:S31"/>
    <mergeCell ref="T30:V31"/>
    <mergeCell ref="W30:Y31"/>
    <mergeCell ref="AB30:AE30"/>
    <mergeCell ref="AZ35:BF36"/>
    <mergeCell ref="W36:AB36"/>
    <mergeCell ref="AC36:AL36"/>
    <mergeCell ref="C37:E37"/>
    <mergeCell ref="F37:P37"/>
    <mergeCell ref="Q37:S37"/>
    <mergeCell ref="T37:V37"/>
    <mergeCell ref="W37:AB37"/>
    <mergeCell ref="AC37:AL37"/>
    <mergeCell ref="AM37:AY37"/>
    <mergeCell ref="C35:E36"/>
    <mergeCell ref="F35:P36"/>
    <mergeCell ref="Q35:S36"/>
    <mergeCell ref="T35:V36"/>
    <mergeCell ref="W35:AL35"/>
    <mergeCell ref="AM35:AY36"/>
    <mergeCell ref="AZ37:BF37"/>
    <mergeCell ref="C38:E38"/>
    <mergeCell ref="F38:P38"/>
    <mergeCell ref="Q38:S38"/>
    <mergeCell ref="T38:V38"/>
    <mergeCell ref="W38:AB38"/>
    <mergeCell ref="AC38:AL38"/>
    <mergeCell ref="AM38:AY38"/>
    <mergeCell ref="AZ38:BF38"/>
    <mergeCell ref="AM39:AY39"/>
    <mergeCell ref="AZ39:BF39"/>
    <mergeCell ref="C40:E40"/>
    <mergeCell ref="F40:P40"/>
    <mergeCell ref="Q40:S40"/>
    <mergeCell ref="T40:V40"/>
    <mergeCell ref="W40:AB40"/>
    <mergeCell ref="AC40:AL40"/>
    <mergeCell ref="AM40:AY40"/>
    <mergeCell ref="AZ40:BF40"/>
    <mergeCell ref="C39:E39"/>
    <mergeCell ref="F39:P39"/>
    <mergeCell ref="Q39:S39"/>
    <mergeCell ref="T39:V39"/>
    <mergeCell ref="W39:AB39"/>
    <mergeCell ref="AC39:AL39"/>
    <mergeCell ref="AM41:AY41"/>
    <mergeCell ref="AZ41:BF41"/>
    <mergeCell ref="C42:E42"/>
    <mergeCell ref="F42:P42"/>
    <mergeCell ref="Q42:S42"/>
    <mergeCell ref="T42:V42"/>
    <mergeCell ref="W42:AB42"/>
    <mergeCell ref="AC42:AL42"/>
    <mergeCell ref="AM42:AY42"/>
    <mergeCell ref="AZ42:BF42"/>
    <mergeCell ref="C41:E41"/>
    <mergeCell ref="F41:P41"/>
    <mergeCell ref="Q41:S41"/>
    <mergeCell ref="T41:V41"/>
    <mergeCell ref="W41:AB41"/>
    <mergeCell ref="AC41:AL41"/>
    <mergeCell ref="AM43:AY43"/>
    <mergeCell ref="AZ43:BF43"/>
    <mergeCell ref="C44:E44"/>
    <mergeCell ref="F44:P44"/>
    <mergeCell ref="Q44:S44"/>
    <mergeCell ref="T44:V44"/>
    <mergeCell ref="W44:AB44"/>
    <mergeCell ref="AC44:AL44"/>
    <mergeCell ref="AM44:AY44"/>
    <mergeCell ref="AZ44:BF44"/>
    <mergeCell ref="C43:E43"/>
    <mergeCell ref="F43:P43"/>
    <mergeCell ref="Q43:S43"/>
    <mergeCell ref="T43:V43"/>
    <mergeCell ref="W43:AB43"/>
    <mergeCell ref="AC43:AL43"/>
    <mergeCell ref="AM45:AY45"/>
    <mergeCell ref="AZ45:BF45"/>
    <mergeCell ref="C46:E46"/>
    <mergeCell ref="F46:P46"/>
    <mergeCell ref="Q46:S46"/>
    <mergeCell ref="T46:V46"/>
    <mergeCell ref="W46:AB46"/>
    <mergeCell ref="AC46:AL46"/>
    <mergeCell ref="AM46:AY46"/>
    <mergeCell ref="AZ46:BF46"/>
    <mergeCell ref="C45:E45"/>
    <mergeCell ref="F45:P45"/>
    <mergeCell ref="Q45:S45"/>
    <mergeCell ref="T45:V45"/>
    <mergeCell ref="W45:AB45"/>
    <mergeCell ref="AC45:AL45"/>
    <mergeCell ref="AJ55:AQ55"/>
    <mergeCell ref="AR55:BF56"/>
    <mergeCell ref="AJ56:AQ56"/>
    <mergeCell ref="AM47:AY47"/>
    <mergeCell ref="AZ47:BF47"/>
    <mergeCell ref="C48:E48"/>
    <mergeCell ref="F48:P48"/>
    <mergeCell ref="Q48:S48"/>
    <mergeCell ref="T48:V48"/>
    <mergeCell ref="W48:AB48"/>
    <mergeCell ref="AC48:AL48"/>
    <mergeCell ref="AM48:AY48"/>
    <mergeCell ref="AZ48:BF48"/>
    <mergeCell ref="C47:E47"/>
    <mergeCell ref="F47:P47"/>
    <mergeCell ref="Q47:S47"/>
    <mergeCell ref="T47:V47"/>
    <mergeCell ref="W47:AB47"/>
    <mergeCell ref="AC47:AL47"/>
    <mergeCell ref="AR53:BF54"/>
    <mergeCell ref="AJ53:AQ53"/>
    <mergeCell ref="AJ54:AQ54"/>
  </mergeCells>
  <phoneticPr fontId="2"/>
  <dataValidations count="11">
    <dataValidation type="list" errorStyle="warning" allowBlank="1" showInputMessage="1" sqref="O21:BF21">
      <formula1>"指導員,上級指導員,コーチ,上級コーチ,コーチ1,コーチ2,コーチ3,コーチ4"</formula1>
    </dataValidation>
    <dataValidation type="list" errorStyle="warning" allowBlank="1" showInputMessage="1" sqref="O19:BF19">
      <formula1>"JVA一次,JVA二次,JVA三次, スタートコーチ"</formula1>
    </dataValidation>
    <dataValidation type="list" allowBlank="1" showInputMessage="1" sqref="O5:V5">
      <formula1>"名古屋,尾張,西三河,東三河"</formula1>
    </dataValidation>
    <dataValidation type="list" allowBlank="1" showInputMessage="1" sqref="Q37:S48">
      <formula1>"1,①,2,②,3,③,4,④,5,⑤,6,⑥"</formula1>
    </dataValidation>
    <dataValidation type="list" errorStyle="warning" allowBlank="1" showInputMessage="1" showErrorMessage="1" sqref="BG19">
      <formula1>"JVA一次,JVA二次,　,"</formula1>
    </dataValidation>
    <dataValidation type="list" allowBlank="1" showInputMessage="1" showErrorMessage="1" sqref="AZ14:BA14">
      <formula1>"名古屋,尾張,西三河,東三河"</formula1>
    </dataValidation>
    <dataValidation type="list" allowBlank="1" showInputMessage="1" sqref="D38:E48 C37:C48">
      <formula1>"1,①,2,②,3,③,4,④,5,⑤,6,⑥,7,⑦,8,⑧,9,⑨,10,⑩,11,⑪,12,⑫,13,⑬,14,⑭,15,⑮,16,⑯,17,⑰,18,⑱,19,⑲"</formula1>
    </dataValidation>
    <dataValidation type="list" allowBlank="1" showInputMessage="1" showErrorMessage="1" sqref="WXG983051:WXN983052 KU7:LB8 UQ7:UX8 AEM7:AET8 AOI7:AOP8 AYE7:AYL8 BIA7:BIH8 BRW7:BSD8 CBS7:CBZ8 CLO7:CLV8 CVK7:CVR8 DFG7:DFN8 DPC7:DPJ8 DYY7:DZF8 EIU7:EJB8 ESQ7:ESX8 FCM7:FCT8 FMI7:FMP8 FWE7:FWL8 GGA7:GGH8 GPW7:GQD8 GZS7:GZZ8 HJO7:HJV8 HTK7:HTR8 IDG7:IDN8 INC7:INJ8 IWY7:IXF8 JGU7:JHB8 JQQ7:JQX8 KAM7:KAT8 KKI7:KKP8 KUE7:KUL8 LEA7:LEH8 LNW7:LOD8 LXS7:LXZ8 MHO7:MHV8 MRK7:MRR8 NBG7:NBN8 NLC7:NLJ8 NUY7:NVF8 OEU7:OFB8 OOQ7:OOX8 OYM7:OYT8 PII7:PIP8 PSE7:PSL8 QCA7:QCH8 QLW7:QMD8 QVS7:QVZ8 RFO7:RFV8 RPK7:RPR8 RZG7:RZN8 SJC7:SJJ8 SSY7:STF8 TCU7:TDB8 TMQ7:TMX8 TWM7:TWT8 UGI7:UGP8 UQE7:UQL8 VAA7:VAH8 VJW7:VKD8 VTS7:VTZ8 WDO7:WDV8 WNK7:WNR8 WXG7:WXN8 AY65547:BF65548 KU65547:LB65548 UQ65547:UX65548 AEM65547:AET65548 AOI65547:AOP65548 AYE65547:AYL65548 BIA65547:BIH65548 BRW65547:BSD65548 CBS65547:CBZ65548 CLO65547:CLV65548 CVK65547:CVR65548 DFG65547:DFN65548 DPC65547:DPJ65548 DYY65547:DZF65548 EIU65547:EJB65548 ESQ65547:ESX65548 FCM65547:FCT65548 FMI65547:FMP65548 FWE65547:FWL65548 GGA65547:GGH65548 GPW65547:GQD65548 GZS65547:GZZ65548 HJO65547:HJV65548 HTK65547:HTR65548 IDG65547:IDN65548 INC65547:INJ65548 IWY65547:IXF65548 JGU65547:JHB65548 JQQ65547:JQX65548 KAM65547:KAT65548 KKI65547:KKP65548 KUE65547:KUL65548 LEA65547:LEH65548 LNW65547:LOD65548 LXS65547:LXZ65548 MHO65547:MHV65548 MRK65547:MRR65548 NBG65547:NBN65548 NLC65547:NLJ65548 NUY65547:NVF65548 OEU65547:OFB65548 OOQ65547:OOX65548 OYM65547:OYT65548 PII65547:PIP65548 PSE65547:PSL65548 QCA65547:QCH65548 QLW65547:QMD65548 QVS65547:QVZ65548 RFO65547:RFV65548 RPK65547:RPR65548 RZG65547:RZN65548 SJC65547:SJJ65548 SSY65547:STF65548 TCU65547:TDB65548 TMQ65547:TMX65548 TWM65547:TWT65548 UGI65547:UGP65548 UQE65547:UQL65548 VAA65547:VAH65548 VJW65547:VKD65548 VTS65547:VTZ65548 WDO65547:WDV65548 WNK65547:WNR65548 WXG65547:WXN65548 AY131083:BF131084 KU131083:LB131084 UQ131083:UX131084 AEM131083:AET131084 AOI131083:AOP131084 AYE131083:AYL131084 BIA131083:BIH131084 BRW131083:BSD131084 CBS131083:CBZ131084 CLO131083:CLV131084 CVK131083:CVR131084 DFG131083:DFN131084 DPC131083:DPJ131084 DYY131083:DZF131084 EIU131083:EJB131084 ESQ131083:ESX131084 FCM131083:FCT131084 FMI131083:FMP131084 FWE131083:FWL131084 GGA131083:GGH131084 GPW131083:GQD131084 GZS131083:GZZ131084 HJO131083:HJV131084 HTK131083:HTR131084 IDG131083:IDN131084 INC131083:INJ131084 IWY131083:IXF131084 JGU131083:JHB131084 JQQ131083:JQX131084 KAM131083:KAT131084 KKI131083:KKP131084 KUE131083:KUL131084 LEA131083:LEH131084 LNW131083:LOD131084 LXS131083:LXZ131084 MHO131083:MHV131084 MRK131083:MRR131084 NBG131083:NBN131084 NLC131083:NLJ131084 NUY131083:NVF131084 OEU131083:OFB131084 OOQ131083:OOX131084 OYM131083:OYT131084 PII131083:PIP131084 PSE131083:PSL131084 QCA131083:QCH131084 QLW131083:QMD131084 QVS131083:QVZ131084 RFO131083:RFV131084 RPK131083:RPR131084 RZG131083:RZN131084 SJC131083:SJJ131084 SSY131083:STF131084 TCU131083:TDB131084 TMQ131083:TMX131084 TWM131083:TWT131084 UGI131083:UGP131084 UQE131083:UQL131084 VAA131083:VAH131084 VJW131083:VKD131084 VTS131083:VTZ131084 WDO131083:WDV131084 WNK131083:WNR131084 WXG131083:WXN131084 AY196619:BF196620 KU196619:LB196620 UQ196619:UX196620 AEM196619:AET196620 AOI196619:AOP196620 AYE196619:AYL196620 BIA196619:BIH196620 BRW196619:BSD196620 CBS196619:CBZ196620 CLO196619:CLV196620 CVK196619:CVR196620 DFG196619:DFN196620 DPC196619:DPJ196620 DYY196619:DZF196620 EIU196619:EJB196620 ESQ196619:ESX196620 FCM196619:FCT196620 FMI196619:FMP196620 FWE196619:FWL196620 GGA196619:GGH196620 GPW196619:GQD196620 GZS196619:GZZ196620 HJO196619:HJV196620 HTK196619:HTR196620 IDG196619:IDN196620 INC196619:INJ196620 IWY196619:IXF196620 JGU196619:JHB196620 JQQ196619:JQX196620 KAM196619:KAT196620 KKI196619:KKP196620 KUE196619:KUL196620 LEA196619:LEH196620 LNW196619:LOD196620 LXS196619:LXZ196620 MHO196619:MHV196620 MRK196619:MRR196620 NBG196619:NBN196620 NLC196619:NLJ196620 NUY196619:NVF196620 OEU196619:OFB196620 OOQ196619:OOX196620 OYM196619:OYT196620 PII196619:PIP196620 PSE196619:PSL196620 QCA196619:QCH196620 QLW196619:QMD196620 QVS196619:QVZ196620 RFO196619:RFV196620 RPK196619:RPR196620 RZG196619:RZN196620 SJC196619:SJJ196620 SSY196619:STF196620 TCU196619:TDB196620 TMQ196619:TMX196620 TWM196619:TWT196620 UGI196619:UGP196620 UQE196619:UQL196620 VAA196619:VAH196620 VJW196619:VKD196620 VTS196619:VTZ196620 WDO196619:WDV196620 WNK196619:WNR196620 WXG196619:WXN196620 AY262155:BF262156 KU262155:LB262156 UQ262155:UX262156 AEM262155:AET262156 AOI262155:AOP262156 AYE262155:AYL262156 BIA262155:BIH262156 BRW262155:BSD262156 CBS262155:CBZ262156 CLO262155:CLV262156 CVK262155:CVR262156 DFG262155:DFN262156 DPC262155:DPJ262156 DYY262155:DZF262156 EIU262155:EJB262156 ESQ262155:ESX262156 FCM262155:FCT262156 FMI262155:FMP262156 FWE262155:FWL262156 GGA262155:GGH262156 GPW262155:GQD262156 GZS262155:GZZ262156 HJO262155:HJV262156 HTK262155:HTR262156 IDG262155:IDN262156 INC262155:INJ262156 IWY262155:IXF262156 JGU262155:JHB262156 JQQ262155:JQX262156 KAM262155:KAT262156 KKI262155:KKP262156 KUE262155:KUL262156 LEA262155:LEH262156 LNW262155:LOD262156 LXS262155:LXZ262156 MHO262155:MHV262156 MRK262155:MRR262156 NBG262155:NBN262156 NLC262155:NLJ262156 NUY262155:NVF262156 OEU262155:OFB262156 OOQ262155:OOX262156 OYM262155:OYT262156 PII262155:PIP262156 PSE262155:PSL262156 QCA262155:QCH262156 QLW262155:QMD262156 QVS262155:QVZ262156 RFO262155:RFV262156 RPK262155:RPR262156 RZG262155:RZN262156 SJC262155:SJJ262156 SSY262155:STF262156 TCU262155:TDB262156 TMQ262155:TMX262156 TWM262155:TWT262156 UGI262155:UGP262156 UQE262155:UQL262156 VAA262155:VAH262156 VJW262155:VKD262156 VTS262155:VTZ262156 WDO262155:WDV262156 WNK262155:WNR262156 WXG262155:WXN262156 AY327691:BF327692 KU327691:LB327692 UQ327691:UX327692 AEM327691:AET327692 AOI327691:AOP327692 AYE327691:AYL327692 BIA327691:BIH327692 BRW327691:BSD327692 CBS327691:CBZ327692 CLO327691:CLV327692 CVK327691:CVR327692 DFG327691:DFN327692 DPC327691:DPJ327692 DYY327691:DZF327692 EIU327691:EJB327692 ESQ327691:ESX327692 FCM327691:FCT327692 FMI327691:FMP327692 FWE327691:FWL327692 GGA327691:GGH327692 GPW327691:GQD327692 GZS327691:GZZ327692 HJO327691:HJV327692 HTK327691:HTR327692 IDG327691:IDN327692 INC327691:INJ327692 IWY327691:IXF327692 JGU327691:JHB327692 JQQ327691:JQX327692 KAM327691:KAT327692 KKI327691:KKP327692 KUE327691:KUL327692 LEA327691:LEH327692 LNW327691:LOD327692 LXS327691:LXZ327692 MHO327691:MHV327692 MRK327691:MRR327692 NBG327691:NBN327692 NLC327691:NLJ327692 NUY327691:NVF327692 OEU327691:OFB327692 OOQ327691:OOX327692 OYM327691:OYT327692 PII327691:PIP327692 PSE327691:PSL327692 QCA327691:QCH327692 QLW327691:QMD327692 QVS327691:QVZ327692 RFO327691:RFV327692 RPK327691:RPR327692 RZG327691:RZN327692 SJC327691:SJJ327692 SSY327691:STF327692 TCU327691:TDB327692 TMQ327691:TMX327692 TWM327691:TWT327692 UGI327691:UGP327692 UQE327691:UQL327692 VAA327691:VAH327692 VJW327691:VKD327692 VTS327691:VTZ327692 WDO327691:WDV327692 WNK327691:WNR327692 WXG327691:WXN327692 AY393227:BF393228 KU393227:LB393228 UQ393227:UX393228 AEM393227:AET393228 AOI393227:AOP393228 AYE393227:AYL393228 BIA393227:BIH393228 BRW393227:BSD393228 CBS393227:CBZ393228 CLO393227:CLV393228 CVK393227:CVR393228 DFG393227:DFN393228 DPC393227:DPJ393228 DYY393227:DZF393228 EIU393227:EJB393228 ESQ393227:ESX393228 FCM393227:FCT393228 FMI393227:FMP393228 FWE393227:FWL393228 GGA393227:GGH393228 GPW393227:GQD393228 GZS393227:GZZ393228 HJO393227:HJV393228 HTK393227:HTR393228 IDG393227:IDN393228 INC393227:INJ393228 IWY393227:IXF393228 JGU393227:JHB393228 JQQ393227:JQX393228 KAM393227:KAT393228 KKI393227:KKP393228 KUE393227:KUL393228 LEA393227:LEH393228 LNW393227:LOD393228 LXS393227:LXZ393228 MHO393227:MHV393228 MRK393227:MRR393228 NBG393227:NBN393228 NLC393227:NLJ393228 NUY393227:NVF393228 OEU393227:OFB393228 OOQ393227:OOX393228 OYM393227:OYT393228 PII393227:PIP393228 PSE393227:PSL393228 QCA393227:QCH393228 QLW393227:QMD393228 QVS393227:QVZ393228 RFO393227:RFV393228 RPK393227:RPR393228 RZG393227:RZN393228 SJC393227:SJJ393228 SSY393227:STF393228 TCU393227:TDB393228 TMQ393227:TMX393228 TWM393227:TWT393228 UGI393227:UGP393228 UQE393227:UQL393228 VAA393227:VAH393228 VJW393227:VKD393228 VTS393227:VTZ393228 WDO393227:WDV393228 WNK393227:WNR393228 WXG393227:WXN393228 AY458763:BF458764 KU458763:LB458764 UQ458763:UX458764 AEM458763:AET458764 AOI458763:AOP458764 AYE458763:AYL458764 BIA458763:BIH458764 BRW458763:BSD458764 CBS458763:CBZ458764 CLO458763:CLV458764 CVK458763:CVR458764 DFG458763:DFN458764 DPC458763:DPJ458764 DYY458763:DZF458764 EIU458763:EJB458764 ESQ458763:ESX458764 FCM458763:FCT458764 FMI458763:FMP458764 FWE458763:FWL458764 GGA458763:GGH458764 GPW458763:GQD458764 GZS458763:GZZ458764 HJO458763:HJV458764 HTK458763:HTR458764 IDG458763:IDN458764 INC458763:INJ458764 IWY458763:IXF458764 JGU458763:JHB458764 JQQ458763:JQX458764 KAM458763:KAT458764 KKI458763:KKP458764 KUE458763:KUL458764 LEA458763:LEH458764 LNW458763:LOD458764 LXS458763:LXZ458764 MHO458763:MHV458764 MRK458763:MRR458764 NBG458763:NBN458764 NLC458763:NLJ458764 NUY458763:NVF458764 OEU458763:OFB458764 OOQ458763:OOX458764 OYM458763:OYT458764 PII458763:PIP458764 PSE458763:PSL458764 QCA458763:QCH458764 QLW458763:QMD458764 QVS458763:QVZ458764 RFO458763:RFV458764 RPK458763:RPR458764 RZG458763:RZN458764 SJC458763:SJJ458764 SSY458763:STF458764 TCU458763:TDB458764 TMQ458763:TMX458764 TWM458763:TWT458764 UGI458763:UGP458764 UQE458763:UQL458764 VAA458763:VAH458764 VJW458763:VKD458764 VTS458763:VTZ458764 WDO458763:WDV458764 WNK458763:WNR458764 WXG458763:WXN458764 AY524299:BF524300 KU524299:LB524300 UQ524299:UX524300 AEM524299:AET524300 AOI524299:AOP524300 AYE524299:AYL524300 BIA524299:BIH524300 BRW524299:BSD524300 CBS524299:CBZ524300 CLO524299:CLV524300 CVK524299:CVR524300 DFG524299:DFN524300 DPC524299:DPJ524300 DYY524299:DZF524300 EIU524299:EJB524300 ESQ524299:ESX524300 FCM524299:FCT524300 FMI524299:FMP524300 FWE524299:FWL524300 GGA524299:GGH524300 GPW524299:GQD524300 GZS524299:GZZ524300 HJO524299:HJV524300 HTK524299:HTR524300 IDG524299:IDN524300 INC524299:INJ524300 IWY524299:IXF524300 JGU524299:JHB524300 JQQ524299:JQX524300 KAM524299:KAT524300 KKI524299:KKP524300 KUE524299:KUL524300 LEA524299:LEH524300 LNW524299:LOD524300 LXS524299:LXZ524300 MHO524299:MHV524300 MRK524299:MRR524300 NBG524299:NBN524300 NLC524299:NLJ524300 NUY524299:NVF524300 OEU524299:OFB524300 OOQ524299:OOX524300 OYM524299:OYT524300 PII524299:PIP524300 PSE524299:PSL524300 QCA524299:QCH524300 QLW524299:QMD524300 QVS524299:QVZ524300 RFO524299:RFV524300 RPK524299:RPR524300 RZG524299:RZN524300 SJC524299:SJJ524300 SSY524299:STF524300 TCU524299:TDB524300 TMQ524299:TMX524300 TWM524299:TWT524300 UGI524299:UGP524300 UQE524299:UQL524300 VAA524299:VAH524300 VJW524299:VKD524300 VTS524299:VTZ524300 WDO524299:WDV524300 WNK524299:WNR524300 WXG524299:WXN524300 AY589835:BF589836 KU589835:LB589836 UQ589835:UX589836 AEM589835:AET589836 AOI589835:AOP589836 AYE589835:AYL589836 BIA589835:BIH589836 BRW589835:BSD589836 CBS589835:CBZ589836 CLO589835:CLV589836 CVK589835:CVR589836 DFG589835:DFN589836 DPC589835:DPJ589836 DYY589835:DZF589836 EIU589835:EJB589836 ESQ589835:ESX589836 FCM589835:FCT589836 FMI589835:FMP589836 FWE589835:FWL589836 GGA589835:GGH589836 GPW589835:GQD589836 GZS589835:GZZ589836 HJO589835:HJV589836 HTK589835:HTR589836 IDG589835:IDN589836 INC589835:INJ589836 IWY589835:IXF589836 JGU589835:JHB589836 JQQ589835:JQX589836 KAM589835:KAT589836 KKI589835:KKP589836 KUE589835:KUL589836 LEA589835:LEH589836 LNW589835:LOD589836 LXS589835:LXZ589836 MHO589835:MHV589836 MRK589835:MRR589836 NBG589835:NBN589836 NLC589835:NLJ589836 NUY589835:NVF589836 OEU589835:OFB589836 OOQ589835:OOX589836 OYM589835:OYT589836 PII589835:PIP589836 PSE589835:PSL589836 QCA589835:QCH589836 QLW589835:QMD589836 QVS589835:QVZ589836 RFO589835:RFV589836 RPK589835:RPR589836 RZG589835:RZN589836 SJC589835:SJJ589836 SSY589835:STF589836 TCU589835:TDB589836 TMQ589835:TMX589836 TWM589835:TWT589836 UGI589835:UGP589836 UQE589835:UQL589836 VAA589835:VAH589836 VJW589835:VKD589836 VTS589835:VTZ589836 WDO589835:WDV589836 WNK589835:WNR589836 WXG589835:WXN589836 AY655371:BF655372 KU655371:LB655372 UQ655371:UX655372 AEM655371:AET655372 AOI655371:AOP655372 AYE655371:AYL655372 BIA655371:BIH655372 BRW655371:BSD655372 CBS655371:CBZ655372 CLO655371:CLV655372 CVK655371:CVR655372 DFG655371:DFN655372 DPC655371:DPJ655372 DYY655371:DZF655372 EIU655371:EJB655372 ESQ655371:ESX655372 FCM655371:FCT655372 FMI655371:FMP655372 FWE655371:FWL655372 GGA655371:GGH655372 GPW655371:GQD655372 GZS655371:GZZ655372 HJO655371:HJV655372 HTK655371:HTR655372 IDG655371:IDN655372 INC655371:INJ655372 IWY655371:IXF655372 JGU655371:JHB655372 JQQ655371:JQX655372 KAM655371:KAT655372 KKI655371:KKP655372 KUE655371:KUL655372 LEA655371:LEH655372 LNW655371:LOD655372 LXS655371:LXZ655372 MHO655371:MHV655372 MRK655371:MRR655372 NBG655371:NBN655372 NLC655371:NLJ655372 NUY655371:NVF655372 OEU655371:OFB655372 OOQ655371:OOX655372 OYM655371:OYT655372 PII655371:PIP655372 PSE655371:PSL655372 QCA655371:QCH655372 QLW655371:QMD655372 QVS655371:QVZ655372 RFO655371:RFV655372 RPK655371:RPR655372 RZG655371:RZN655372 SJC655371:SJJ655372 SSY655371:STF655372 TCU655371:TDB655372 TMQ655371:TMX655372 TWM655371:TWT655372 UGI655371:UGP655372 UQE655371:UQL655372 VAA655371:VAH655372 VJW655371:VKD655372 VTS655371:VTZ655372 WDO655371:WDV655372 WNK655371:WNR655372 WXG655371:WXN655372 AY720907:BF720908 KU720907:LB720908 UQ720907:UX720908 AEM720907:AET720908 AOI720907:AOP720908 AYE720907:AYL720908 BIA720907:BIH720908 BRW720907:BSD720908 CBS720907:CBZ720908 CLO720907:CLV720908 CVK720907:CVR720908 DFG720907:DFN720908 DPC720907:DPJ720908 DYY720907:DZF720908 EIU720907:EJB720908 ESQ720907:ESX720908 FCM720907:FCT720908 FMI720907:FMP720908 FWE720907:FWL720908 GGA720907:GGH720908 GPW720907:GQD720908 GZS720907:GZZ720908 HJO720907:HJV720908 HTK720907:HTR720908 IDG720907:IDN720908 INC720907:INJ720908 IWY720907:IXF720908 JGU720907:JHB720908 JQQ720907:JQX720908 KAM720907:KAT720908 KKI720907:KKP720908 KUE720907:KUL720908 LEA720907:LEH720908 LNW720907:LOD720908 LXS720907:LXZ720908 MHO720907:MHV720908 MRK720907:MRR720908 NBG720907:NBN720908 NLC720907:NLJ720908 NUY720907:NVF720908 OEU720907:OFB720908 OOQ720907:OOX720908 OYM720907:OYT720908 PII720907:PIP720908 PSE720907:PSL720908 QCA720907:QCH720908 QLW720907:QMD720908 QVS720907:QVZ720908 RFO720907:RFV720908 RPK720907:RPR720908 RZG720907:RZN720908 SJC720907:SJJ720908 SSY720907:STF720908 TCU720907:TDB720908 TMQ720907:TMX720908 TWM720907:TWT720908 UGI720907:UGP720908 UQE720907:UQL720908 VAA720907:VAH720908 VJW720907:VKD720908 VTS720907:VTZ720908 WDO720907:WDV720908 WNK720907:WNR720908 WXG720907:WXN720908 AY786443:BF786444 KU786443:LB786444 UQ786443:UX786444 AEM786443:AET786444 AOI786443:AOP786444 AYE786443:AYL786444 BIA786443:BIH786444 BRW786443:BSD786444 CBS786443:CBZ786444 CLO786443:CLV786444 CVK786443:CVR786444 DFG786443:DFN786444 DPC786443:DPJ786444 DYY786443:DZF786444 EIU786443:EJB786444 ESQ786443:ESX786444 FCM786443:FCT786444 FMI786443:FMP786444 FWE786443:FWL786444 GGA786443:GGH786444 GPW786443:GQD786444 GZS786443:GZZ786444 HJO786443:HJV786444 HTK786443:HTR786444 IDG786443:IDN786444 INC786443:INJ786444 IWY786443:IXF786444 JGU786443:JHB786444 JQQ786443:JQX786444 KAM786443:KAT786444 KKI786443:KKP786444 KUE786443:KUL786444 LEA786443:LEH786444 LNW786443:LOD786444 LXS786443:LXZ786444 MHO786443:MHV786444 MRK786443:MRR786444 NBG786443:NBN786444 NLC786443:NLJ786444 NUY786443:NVF786444 OEU786443:OFB786444 OOQ786443:OOX786444 OYM786443:OYT786444 PII786443:PIP786444 PSE786443:PSL786444 QCA786443:QCH786444 QLW786443:QMD786444 QVS786443:QVZ786444 RFO786443:RFV786444 RPK786443:RPR786444 RZG786443:RZN786444 SJC786443:SJJ786444 SSY786443:STF786444 TCU786443:TDB786444 TMQ786443:TMX786444 TWM786443:TWT786444 UGI786443:UGP786444 UQE786443:UQL786444 VAA786443:VAH786444 VJW786443:VKD786444 VTS786443:VTZ786444 WDO786443:WDV786444 WNK786443:WNR786444 WXG786443:WXN786444 AY851979:BF851980 KU851979:LB851980 UQ851979:UX851980 AEM851979:AET851980 AOI851979:AOP851980 AYE851979:AYL851980 BIA851979:BIH851980 BRW851979:BSD851980 CBS851979:CBZ851980 CLO851979:CLV851980 CVK851979:CVR851980 DFG851979:DFN851980 DPC851979:DPJ851980 DYY851979:DZF851980 EIU851979:EJB851980 ESQ851979:ESX851980 FCM851979:FCT851980 FMI851979:FMP851980 FWE851979:FWL851980 GGA851979:GGH851980 GPW851979:GQD851980 GZS851979:GZZ851980 HJO851979:HJV851980 HTK851979:HTR851980 IDG851979:IDN851980 INC851979:INJ851980 IWY851979:IXF851980 JGU851979:JHB851980 JQQ851979:JQX851980 KAM851979:KAT851980 KKI851979:KKP851980 KUE851979:KUL851980 LEA851979:LEH851980 LNW851979:LOD851980 LXS851979:LXZ851980 MHO851979:MHV851980 MRK851979:MRR851980 NBG851979:NBN851980 NLC851979:NLJ851980 NUY851979:NVF851980 OEU851979:OFB851980 OOQ851979:OOX851980 OYM851979:OYT851980 PII851979:PIP851980 PSE851979:PSL851980 QCA851979:QCH851980 QLW851979:QMD851980 QVS851979:QVZ851980 RFO851979:RFV851980 RPK851979:RPR851980 RZG851979:RZN851980 SJC851979:SJJ851980 SSY851979:STF851980 TCU851979:TDB851980 TMQ851979:TMX851980 TWM851979:TWT851980 UGI851979:UGP851980 UQE851979:UQL851980 VAA851979:VAH851980 VJW851979:VKD851980 VTS851979:VTZ851980 WDO851979:WDV851980 WNK851979:WNR851980 WXG851979:WXN851980 AY917515:BF917516 KU917515:LB917516 UQ917515:UX917516 AEM917515:AET917516 AOI917515:AOP917516 AYE917515:AYL917516 BIA917515:BIH917516 BRW917515:BSD917516 CBS917515:CBZ917516 CLO917515:CLV917516 CVK917515:CVR917516 DFG917515:DFN917516 DPC917515:DPJ917516 DYY917515:DZF917516 EIU917515:EJB917516 ESQ917515:ESX917516 FCM917515:FCT917516 FMI917515:FMP917516 FWE917515:FWL917516 GGA917515:GGH917516 GPW917515:GQD917516 GZS917515:GZZ917516 HJO917515:HJV917516 HTK917515:HTR917516 IDG917515:IDN917516 INC917515:INJ917516 IWY917515:IXF917516 JGU917515:JHB917516 JQQ917515:JQX917516 KAM917515:KAT917516 KKI917515:KKP917516 KUE917515:KUL917516 LEA917515:LEH917516 LNW917515:LOD917516 LXS917515:LXZ917516 MHO917515:MHV917516 MRK917515:MRR917516 NBG917515:NBN917516 NLC917515:NLJ917516 NUY917515:NVF917516 OEU917515:OFB917516 OOQ917515:OOX917516 OYM917515:OYT917516 PII917515:PIP917516 PSE917515:PSL917516 QCA917515:QCH917516 QLW917515:QMD917516 QVS917515:QVZ917516 RFO917515:RFV917516 RPK917515:RPR917516 RZG917515:RZN917516 SJC917515:SJJ917516 SSY917515:STF917516 TCU917515:TDB917516 TMQ917515:TMX917516 TWM917515:TWT917516 UGI917515:UGP917516 UQE917515:UQL917516 VAA917515:VAH917516 VJW917515:VKD917516 VTS917515:VTZ917516 WDO917515:WDV917516 WNK917515:WNR917516 WXG917515:WXN917516 AY983051:BF983052 KU983051:LB983052 UQ983051:UX983052 AEM983051:AET983052 AOI983051:AOP983052 AYE983051:AYL983052 BIA983051:BIH983052 BRW983051:BSD983052 CBS983051:CBZ983052 CLO983051:CLV983052 CVK983051:CVR983052 DFG983051:DFN983052 DPC983051:DPJ983052 DYY983051:DZF983052 EIU983051:EJB983052 ESQ983051:ESX983052 FCM983051:FCT983052 FMI983051:FMP983052 FWE983051:FWL983052 GGA983051:GGH983052 GPW983051:GQD983052 GZS983051:GZZ983052 HJO983051:HJV983052 HTK983051:HTR983052 IDG983051:IDN983052 INC983051:INJ983052 IWY983051:IXF983052 JGU983051:JHB983052 JQQ983051:JQX983052 KAM983051:KAT983052 KKI983051:KKP983052 KUE983051:KUL983052 LEA983051:LEH983052 LNW983051:LOD983052 LXS983051:LXZ983052 MHO983051:MHV983052 MRK983051:MRR983052 NBG983051:NBN983052 NLC983051:NLJ983052 NUY983051:NVF983052 OEU983051:OFB983052 OOQ983051:OOX983052 OYM983051:OYT983052 PII983051:PIP983052 PSE983051:PSL983052 QCA983051:QCH983052 QLW983051:QMD983052 QVS983051:QVZ983052 RFO983051:RFV983052 RPK983051:RPR983052 RZG983051:RZN983052 SJC983051:SJJ983052 SSY983051:STF983052 TCU983051:TDB983052 TMQ983051:TMX983052 TWM983051:TWT983052 UGI983051:UGP983052 UQE983051:UQL983052 VAA983051:VAH983052 VJW983051:VKD983052 VTS983051:VTZ983052 WDO983051:WDV983052 WNK983051:WNR983052 AY7:BF8">
      <formula1>"男子,女子,混合"</formula1>
    </dataValidation>
    <dataValidation type="list" allowBlank="1" showInputMessage="1" showErrorMessage="1" sqref="R24:S31 JN24:JO31 TJ24:TK31 ADF24:ADG31 ANB24:ANC31 AWX24:AWY31 BGT24:BGU31 BQP24:BQQ31 CAL24:CAM31 CKH24:CKI31 CUD24:CUE31 DDZ24:DEA31 DNV24:DNW31 DXR24:DXS31 EHN24:EHO31 ERJ24:ERK31 FBF24:FBG31 FLB24:FLC31 FUX24:FUY31 GET24:GEU31 GOP24:GOQ31 GYL24:GYM31 HIH24:HII31 HSD24:HSE31 IBZ24:ICA31 ILV24:ILW31 IVR24:IVS31 JFN24:JFO31 JPJ24:JPK31 JZF24:JZG31 KJB24:KJC31 KSX24:KSY31 LCT24:LCU31 LMP24:LMQ31 LWL24:LWM31 MGH24:MGI31 MQD24:MQE31 MZZ24:NAA31 NJV24:NJW31 NTR24:NTS31 ODN24:ODO31 ONJ24:ONK31 OXF24:OXG31 PHB24:PHC31 PQX24:PQY31 QAT24:QAU31 QKP24:QKQ31 QUL24:QUM31 REH24:REI31 ROD24:ROE31 RXZ24:RYA31 SHV24:SHW31 SRR24:SRS31 TBN24:TBO31 TLJ24:TLK31 TVF24:TVG31 UFB24:UFC31 UOX24:UOY31 UYT24:UYU31 VIP24:VIQ31 VSL24:VSM31 WCH24:WCI31 WMD24:WME31 WVZ24:WWA31 R65561:S65568 JN65561:JO65568 TJ65561:TK65568 ADF65561:ADG65568 ANB65561:ANC65568 AWX65561:AWY65568 BGT65561:BGU65568 BQP65561:BQQ65568 CAL65561:CAM65568 CKH65561:CKI65568 CUD65561:CUE65568 DDZ65561:DEA65568 DNV65561:DNW65568 DXR65561:DXS65568 EHN65561:EHO65568 ERJ65561:ERK65568 FBF65561:FBG65568 FLB65561:FLC65568 FUX65561:FUY65568 GET65561:GEU65568 GOP65561:GOQ65568 GYL65561:GYM65568 HIH65561:HII65568 HSD65561:HSE65568 IBZ65561:ICA65568 ILV65561:ILW65568 IVR65561:IVS65568 JFN65561:JFO65568 JPJ65561:JPK65568 JZF65561:JZG65568 KJB65561:KJC65568 KSX65561:KSY65568 LCT65561:LCU65568 LMP65561:LMQ65568 LWL65561:LWM65568 MGH65561:MGI65568 MQD65561:MQE65568 MZZ65561:NAA65568 NJV65561:NJW65568 NTR65561:NTS65568 ODN65561:ODO65568 ONJ65561:ONK65568 OXF65561:OXG65568 PHB65561:PHC65568 PQX65561:PQY65568 QAT65561:QAU65568 QKP65561:QKQ65568 QUL65561:QUM65568 REH65561:REI65568 ROD65561:ROE65568 RXZ65561:RYA65568 SHV65561:SHW65568 SRR65561:SRS65568 TBN65561:TBO65568 TLJ65561:TLK65568 TVF65561:TVG65568 UFB65561:UFC65568 UOX65561:UOY65568 UYT65561:UYU65568 VIP65561:VIQ65568 VSL65561:VSM65568 WCH65561:WCI65568 WMD65561:WME65568 WVZ65561:WWA65568 R131097:S131104 JN131097:JO131104 TJ131097:TK131104 ADF131097:ADG131104 ANB131097:ANC131104 AWX131097:AWY131104 BGT131097:BGU131104 BQP131097:BQQ131104 CAL131097:CAM131104 CKH131097:CKI131104 CUD131097:CUE131104 DDZ131097:DEA131104 DNV131097:DNW131104 DXR131097:DXS131104 EHN131097:EHO131104 ERJ131097:ERK131104 FBF131097:FBG131104 FLB131097:FLC131104 FUX131097:FUY131104 GET131097:GEU131104 GOP131097:GOQ131104 GYL131097:GYM131104 HIH131097:HII131104 HSD131097:HSE131104 IBZ131097:ICA131104 ILV131097:ILW131104 IVR131097:IVS131104 JFN131097:JFO131104 JPJ131097:JPK131104 JZF131097:JZG131104 KJB131097:KJC131104 KSX131097:KSY131104 LCT131097:LCU131104 LMP131097:LMQ131104 LWL131097:LWM131104 MGH131097:MGI131104 MQD131097:MQE131104 MZZ131097:NAA131104 NJV131097:NJW131104 NTR131097:NTS131104 ODN131097:ODO131104 ONJ131097:ONK131104 OXF131097:OXG131104 PHB131097:PHC131104 PQX131097:PQY131104 QAT131097:QAU131104 QKP131097:QKQ131104 QUL131097:QUM131104 REH131097:REI131104 ROD131097:ROE131104 RXZ131097:RYA131104 SHV131097:SHW131104 SRR131097:SRS131104 TBN131097:TBO131104 TLJ131097:TLK131104 TVF131097:TVG131104 UFB131097:UFC131104 UOX131097:UOY131104 UYT131097:UYU131104 VIP131097:VIQ131104 VSL131097:VSM131104 WCH131097:WCI131104 WMD131097:WME131104 WVZ131097:WWA131104 R196633:S196640 JN196633:JO196640 TJ196633:TK196640 ADF196633:ADG196640 ANB196633:ANC196640 AWX196633:AWY196640 BGT196633:BGU196640 BQP196633:BQQ196640 CAL196633:CAM196640 CKH196633:CKI196640 CUD196633:CUE196640 DDZ196633:DEA196640 DNV196633:DNW196640 DXR196633:DXS196640 EHN196633:EHO196640 ERJ196633:ERK196640 FBF196633:FBG196640 FLB196633:FLC196640 FUX196633:FUY196640 GET196633:GEU196640 GOP196633:GOQ196640 GYL196633:GYM196640 HIH196633:HII196640 HSD196633:HSE196640 IBZ196633:ICA196640 ILV196633:ILW196640 IVR196633:IVS196640 JFN196633:JFO196640 JPJ196633:JPK196640 JZF196633:JZG196640 KJB196633:KJC196640 KSX196633:KSY196640 LCT196633:LCU196640 LMP196633:LMQ196640 LWL196633:LWM196640 MGH196633:MGI196640 MQD196633:MQE196640 MZZ196633:NAA196640 NJV196633:NJW196640 NTR196633:NTS196640 ODN196633:ODO196640 ONJ196633:ONK196640 OXF196633:OXG196640 PHB196633:PHC196640 PQX196633:PQY196640 QAT196633:QAU196640 QKP196633:QKQ196640 QUL196633:QUM196640 REH196633:REI196640 ROD196633:ROE196640 RXZ196633:RYA196640 SHV196633:SHW196640 SRR196633:SRS196640 TBN196633:TBO196640 TLJ196633:TLK196640 TVF196633:TVG196640 UFB196633:UFC196640 UOX196633:UOY196640 UYT196633:UYU196640 VIP196633:VIQ196640 VSL196633:VSM196640 WCH196633:WCI196640 WMD196633:WME196640 WVZ196633:WWA196640 R262169:S262176 JN262169:JO262176 TJ262169:TK262176 ADF262169:ADG262176 ANB262169:ANC262176 AWX262169:AWY262176 BGT262169:BGU262176 BQP262169:BQQ262176 CAL262169:CAM262176 CKH262169:CKI262176 CUD262169:CUE262176 DDZ262169:DEA262176 DNV262169:DNW262176 DXR262169:DXS262176 EHN262169:EHO262176 ERJ262169:ERK262176 FBF262169:FBG262176 FLB262169:FLC262176 FUX262169:FUY262176 GET262169:GEU262176 GOP262169:GOQ262176 GYL262169:GYM262176 HIH262169:HII262176 HSD262169:HSE262176 IBZ262169:ICA262176 ILV262169:ILW262176 IVR262169:IVS262176 JFN262169:JFO262176 JPJ262169:JPK262176 JZF262169:JZG262176 KJB262169:KJC262176 KSX262169:KSY262176 LCT262169:LCU262176 LMP262169:LMQ262176 LWL262169:LWM262176 MGH262169:MGI262176 MQD262169:MQE262176 MZZ262169:NAA262176 NJV262169:NJW262176 NTR262169:NTS262176 ODN262169:ODO262176 ONJ262169:ONK262176 OXF262169:OXG262176 PHB262169:PHC262176 PQX262169:PQY262176 QAT262169:QAU262176 QKP262169:QKQ262176 QUL262169:QUM262176 REH262169:REI262176 ROD262169:ROE262176 RXZ262169:RYA262176 SHV262169:SHW262176 SRR262169:SRS262176 TBN262169:TBO262176 TLJ262169:TLK262176 TVF262169:TVG262176 UFB262169:UFC262176 UOX262169:UOY262176 UYT262169:UYU262176 VIP262169:VIQ262176 VSL262169:VSM262176 WCH262169:WCI262176 WMD262169:WME262176 WVZ262169:WWA262176 R327705:S327712 JN327705:JO327712 TJ327705:TK327712 ADF327705:ADG327712 ANB327705:ANC327712 AWX327705:AWY327712 BGT327705:BGU327712 BQP327705:BQQ327712 CAL327705:CAM327712 CKH327705:CKI327712 CUD327705:CUE327712 DDZ327705:DEA327712 DNV327705:DNW327712 DXR327705:DXS327712 EHN327705:EHO327712 ERJ327705:ERK327712 FBF327705:FBG327712 FLB327705:FLC327712 FUX327705:FUY327712 GET327705:GEU327712 GOP327705:GOQ327712 GYL327705:GYM327712 HIH327705:HII327712 HSD327705:HSE327712 IBZ327705:ICA327712 ILV327705:ILW327712 IVR327705:IVS327712 JFN327705:JFO327712 JPJ327705:JPK327712 JZF327705:JZG327712 KJB327705:KJC327712 KSX327705:KSY327712 LCT327705:LCU327712 LMP327705:LMQ327712 LWL327705:LWM327712 MGH327705:MGI327712 MQD327705:MQE327712 MZZ327705:NAA327712 NJV327705:NJW327712 NTR327705:NTS327712 ODN327705:ODO327712 ONJ327705:ONK327712 OXF327705:OXG327712 PHB327705:PHC327712 PQX327705:PQY327712 QAT327705:QAU327712 QKP327705:QKQ327712 QUL327705:QUM327712 REH327705:REI327712 ROD327705:ROE327712 RXZ327705:RYA327712 SHV327705:SHW327712 SRR327705:SRS327712 TBN327705:TBO327712 TLJ327705:TLK327712 TVF327705:TVG327712 UFB327705:UFC327712 UOX327705:UOY327712 UYT327705:UYU327712 VIP327705:VIQ327712 VSL327705:VSM327712 WCH327705:WCI327712 WMD327705:WME327712 WVZ327705:WWA327712 R393241:S393248 JN393241:JO393248 TJ393241:TK393248 ADF393241:ADG393248 ANB393241:ANC393248 AWX393241:AWY393248 BGT393241:BGU393248 BQP393241:BQQ393248 CAL393241:CAM393248 CKH393241:CKI393248 CUD393241:CUE393248 DDZ393241:DEA393248 DNV393241:DNW393248 DXR393241:DXS393248 EHN393241:EHO393248 ERJ393241:ERK393248 FBF393241:FBG393248 FLB393241:FLC393248 FUX393241:FUY393248 GET393241:GEU393248 GOP393241:GOQ393248 GYL393241:GYM393248 HIH393241:HII393248 HSD393241:HSE393248 IBZ393241:ICA393248 ILV393241:ILW393248 IVR393241:IVS393248 JFN393241:JFO393248 JPJ393241:JPK393248 JZF393241:JZG393248 KJB393241:KJC393248 KSX393241:KSY393248 LCT393241:LCU393248 LMP393241:LMQ393248 LWL393241:LWM393248 MGH393241:MGI393248 MQD393241:MQE393248 MZZ393241:NAA393248 NJV393241:NJW393248 NTR393241:NTS393248 ODN393241:ODO393248 ONJ393241:ONK393248 OXF393241:OXG393248 PHB393241:PHC393248 PQX393241:PQY393248 QAT393241:QAU393248 QKP393241:QKQ393248 QUL393241:QUM393248 REH393241:REI393248 ROD393241:ROE393248 RXZ393241:RYA393248 SHV393241:SHW393248 SRR393241:SRS393248 TBN393241:TBO393248 TLJ393241:TLK393248 TVF393241:TVG393248 UFB393241:UFC393248 UOX393241:UOY393248 UYT393241:UYU393248 VIP393241:VIQ393248 VSL393241:VSM393248 WCH393241:WCI393248 WMD393241:WME393248 WVZ393241:WWA393248 R458777:S458784 JN458777:JO458784 TJ458777:TK458784 ADF458777:ADG458784 ANB458777:ANC458784 AWX458777:AWY458784 BGT458777:BGU458784 BQP458777:BQQ458784 CAL458777:CAM458784 CKH458777:CKI458784 CUD458777:CUE458784 DDZ458777:DEA458784 DNV458777:DNW458784 DXR458777:DXS458784 EHN458777:EHO458784 ERJ458777:ERK458784 FBF458777:FBG458784 FLB458777:FLC458784 FUX458777:FUY458784 GET458777:GEU458784 GOP458777:GOQ458784 GYL458777:GYM458784 HIH458777:HII458784 HSD458777:HSE458784 IBZ458777:ICA458784 ILV458777:ILW458784 IVR458777:IVS458784 JFN458777:JFO458784 JPJ458777:JPK458784 JZF458777:JZG458784 KJB458777:KJC458784 KSX458777:KSY458784 LCT458777:LCU458784 LMP458777:LMQ458784 LWL458777:LWM458784 MGH458777:MGI458784 MQD458777:MQE458784 MZZ458777:NAA458784 NJV458777:NJW458784 NTR458777:NTS458784 ODN458777:ODO458784 ONJ458777:ONK458784 OXF458777:OXG458784 PHB458777:PHC458784 PQX458777:PQY458784 QAT458777:QAU458784 QKP458777:QKQ458784 QUL458777:QUM458784 REH458777:REI458784 ROD458777:ROE458784 RXZ458777:RYA458784 SHV458777:SHW458784 SRR458777:SRS458784 TBN458777:TBO458784 TLJ458777:TLK458784 TVF458777:TVG458784 UFB458777:UFC458784 UOX458777:UOY458784 UYT458777:UYU458784 VIP458777:VIQ458784 VSL458777:VSM458784 WCH458777:WCI458784 WMD458777:WME458784 WVZ458777:WWA458784 R524313:S524320 JN524313:JO524320 TJ524313:TK524320 ADF524313:ADG524320 ANB524313:ANC524320 AWX524313:AWY524320 BGT524313:BGU524320 BQP524313:BQQ524320 CAL524313:CAM524320 CKH524313:CKI524320 CUD524313:CUE524320 DDZ524313:DEA524320 DNV524313:DNW524320 DXR524313:DXS524320 EHN524313:EHO524320 ERJ524313:ERK524320 FBF524313:FBG524320 FLB524313:FLC524320 FUX524313:FUY524320 GET524313:GEU524320 GOP524313:GOQ524320 GYL524313:GYM524320 HIH524313:HII524320 HSD524313:HSE524320 IBZ524313:ICA524320 ILV524313:ILW524320 IVR524313:IVS524320 JFN524313:JFO524320 JPJ524313:JPK524320 JZF524313:JZG524320 KJB524313:KJC524320 KSX524313:KSY524320 LCT524313:LCU524320 LMP524313:LMQ524320 LWL524313:LWM524320 MGH524313:MGI524320 MQD524313:MQE524320 MZZ524313:NAA524320 NJV524313:NJW524320 NTR524313:NTS524320 ODN524313:ODO524320 ONJ524313:ONK524320 OXF524313:OXG524320 PHB524313:PHC524320 PQX524313:PQY524320 QAT524313:QAU524320 QKP524313:QKQ524320 QUL524313:QUM524320 REH524313:REI524320 ROD524313:ROE524320 RXZ524313:RYA524320 SHV524313:SHW524320 SRR524313:SRS524320 TBN524313:TBO524320 TLJ524313:TLK524320 TVF524313:TVG524320 UFB524313:UFC524320 UOX524313:UOY524320 UYT524313:UYU524320 VIP524313:VIQ524320 VSL524313:VSM524320 WCH524313:WCI524320 WMD524313:WME524320 WVZ524313:WWA524320 R589849:S589856 JN589849:JO589856 TJ589849:TK589856 ADF589849:ADG589856 ANB589849:ANC589856 AWX589849:AWY589856 BGT589849:BGU589856 BQP589849:BQQ589856 CAL589849:CAM589856 CKH589849:CKI589856 CUD589849:CUE589856 DDZ589849:DEA589856 DNV589849:DNW589856 DXR589849:DXS589856 EHN589849:EHO589856 ERJ589849:ERK589856 FBF589849:FBG589856 FLB589849:FLC589856 FUX589849:FUY589856 GET589849:GEU589856 GOP589849:GOQ589856 GYL589849:GYM589856 HIH589849:HII589856 HSD589849:HSE589856 IBZ589849:ICA589856 ILV589849:ILW589856 IVR589849:IVS589856 JFN589849:JFO589856 JPJ589849:JPK589856 JZF589849:JZG589856 KJB589849:KJC589856 KSX589849:KSY589856 LCT589849:LCU589856 LMP589849:LMQ589856 LWL589849:LWM589856 MGH589849:MGI589856 MQD589849:MQE589856 MZZ589849:NAA589856 NJV589849:NJW589856 NTR589849:NTS589856 ODN589849:ODO589856 ONJ589849:ONK589856 OXF589849:OXG589856 PHB589849:PHC589856 PQX589849:PQY589856 QAT589849:QAU589856 QKP589849:QKQ589856 QUL589849:QUM589856 REH589849:REI589856 ROD589849:ROE589856 RXZ589849:RYA589856 SHV589849:SHW589856 SRR589849:SRS589856 TBN589849:TBO589856 TLJ589849:TLK589856 TVF589849:TVG589856 UFB589849:UFC589856 UOX589849:UOY589856 UYT589849:UYU589856 VIP589849:VIQ589856 VSL589849:VSM589856 WCH589849:WCI589856 WMD589849:WME589856 WVZ589849:WWA589856 R655385:S655392 JN655385:JO655392 TJ655385:TK655392 ADF655385:ADG655392 ANB655385:ANC655392 AWX655385:AWY655392 BGT655385:BGU655392 BQP655385:BQQ655392 CAL655385:CAM655392 CKH655385:CKI655392 CUD655385:CUE655392 DDZ655385:DEA655392 DNV655385:DNW655392 DXR655385:DXS655392 EHN655385:EHO655392 ERJ655385:ERK655392 FBF655385:FBG655392 FLB655385:FLC655392 FUX655385:FUY655392 GET655385:GEU655392 GOP655385:GOQ655392 GYL655385:GYM655392 HIH655385:HII655392 HSD655385:HSE655392 IBZ655385:ICA655392 ILV655385:ILW655392 IVR655385:IVS655392 JFN655385:JFO655392 JPJ655385:JPK655392 JZF655385:JZG655392 KJB655385:KJC655392 KSX655385:KSY655392 LCT655385:LCU655392 LMP655385:LMQ655392 LWL655385:LWM655392 MGH655385:MGI655392 MQD655385:MQE655392 MZZ655385:NAA655392 NJV655385:NJW655392 NTR655385:NTS655392 ODN655385:ODO655392 ONJ655385:ONK655392 OXF655385:OXG655392 PHB655385:PHC655392 PQX655385:PQY655392 QAT655385:QAU655392 QKP655385:QKQ655392 QUL655385:QUM655392 REH655385:REI655392 ROD655385:ROE655392 RXZ655385:RYA655392 SHV655385:SHW655392 SRR655385:SRS655392 TBN655385:TBO655392 TLJ655385:TLK655392 TVF655385:TVG655392 UFB655385:UFC655392 UOX655385:UOY655392 UYT655385:UYU655392 VIP655385:VIQ655392 VSL655385:VSM655392 WCH655385:WCI655392 WMD655385:WME655392 WVZ655385:WWA655392 R720921:S720928 JN720921:JO720928 TJ720921:TK720928 ADF720921:ADG720928 ANB720921:ANC720928 AWX720921:AWY720928 BGT720921:BGU720928 BQP720921:BQQ720928 CAL720921:CAM720928 CKH720921:CKI720928 CUD720921:CUE720928 DDZ720921:DEA720928 DNV720921:DNW720928 DXR720921:DXS720928 EHN720921:EHO720928 ERJ720921:ERK720928 FBF720921:FBG720928 FLB720921:FLC720928 FUX720921:FUY720928 GET720921:GEU720928 GOP720921:GOQ720928 GYL720921:GYM720928 HIH720921:HII720928 HSD720921:HSE720928 IBZ720921:ICA720928 ILV720921:ILW720928 IVR720921:IVS720928 JFN720921:JFO720928 JPJ720921:JPK720928 JZF720921:JZG720928 KJB720921:KJC720928 KSX720921:KSY720928 LCT720921:LCU720928 LMP720921:LMQ720928 LWL720921:LWM720928 MGH720921:MGI720928 MQD720921:MQE720928 MZZ720921:NAA720928 NJV720921:NJW720928 NTR720921:NTS720928 ODN720921:ODO720928 ONJ720921:ONK720928 OXF720921:OXG720928 PHB720921:PHC720928 PQX720921:PQY720928 QAT720921:QAU720928 QKP720921:QKQ720928 QUL720921:QUM720928 REH720921:REI720928 ROD720921:ROE720928 RXZ720921:RYA720928 SHV720921:SHW720928 SRR720921:SRS720928 TBN720921:TBO720928 TLJ720921:TLK720928 TVF720921:TVG720928 UFB720921:UFC720928 UOX720921:UOY720928 UYT720921:UYU720928 VIP720921:VIQ720928 VSL720921:VSM720928 WCH720921:WCI720928 WMD720921:WME720928 WVZ720921:WWA720928 R786457:S786464 JN786457:JO786464 TJ786457:TK786464 ADF786457:ADG786464 ANB786457:ANC786464 AWX786457:AWY786464 BGT786457:BGU786464 BQP786457:BQQ786464 CAL786457:CAM786464 CKH786457:CKI786464 CUD786457:CUE786464 DDZ786457:DEA786464 DNV786457:DNW786464 DXR786457:DXS786464 EHN786457:EHO786464 ERJ786457:ERK786464 FBF786457:FBG786464 FLB786457:FLC786464 FUX786457:FUY786464 GET786457:GEU786464 GOP786457:GOQ786464 GYL786457:GYM786464 HIH786457:HII786464 HSD786457:HSE786464 IBZ786457:ICA786464 ILV786457:ILW786464 IVR786457:IVS786464 JFN786457:JFO786464 JPJ786457:JPK786464 JZF786457:JZG786464 KJB786457:KJC786464 KSX786457:KSY786464 LCT786457:LCU786464 LMP786457:LMQ786464 LWL786457:LWM786464 MGH786457:MGI786464 MQD786457:MQE786464 MZZ786457:NAA786464 NJV786457:NJW786464 NTR786457:NTS786464 ODN786457:ODO786464 ONJ786457:ONK786464 OXF786457:OXG786464 PHB786457:PHC786464 PQX786457:PQY786464 QAT786457:QAU786464 QKP786457:QKQ786464 QUL786457:QUM786464 REH786457:REI786464 ROD786457:ROE786464 RXZ786457:RYA786464 SHV786457:SHW786464 SRR786457:SRS786464 TBN786457:TBO786464 TLJ786457:TLK786464 TVF786457:TVG786464 UFB786457:UFC786464 UOX786457:UOY786464 UYT786457:UYU786464 VIP786457:VIQ786464 VSL786457:VSM786464 WCH786457:WCI786464 WMD786457:WME786464 WVZ786457:WWA786464 R851993:S852000 JN851993:JO852000 TJ851993:TK852000 ADF851993:ADG852000 ANB851993:ANC852000 AWX851993:AWY852000 BGT851993:BGU852000 BQP851993:BQQ852000 CAL851993:CAM852000 CKH851993:CKI852000 CUD851993:CUE852000 DDZ851993:DEA852000 DNV851993:DNW852000 DXR851993:DXS852000 EHN851993:EHO852000 ERJ851993:ERK852000 FBF851993:FBG852000 FLB851993:FLC852000 FUX851993:FUY852000 GET851993:GEU852000 GOP851993:GOQ852000 GYL851993:GYM852000 HIH851993:HII852000 HSD851993:HSE852000 IBZ851993:ICA852000 ILV851993:ILW852000 IVR851993:IVS852000 JFN851993:JFO852000 JPJ851993:JPK852000 JZF851993:JZG852000 KJB851993:KJC852000 KSX851993:KSY852000 LCT851993:LCU852000 LMP851993:LMQ852000 LWL851993:LWM852000 MGH851993:MGI852000 MQD851993:MQE852000 MZZ851993:NAA852000 NJV851993:NJW852000 NTR851993:NTS852000 ODN851993:ODO852000 ONJ851993:ONK852000 OXF851993:OXG852000 PHB851993:PHC852000 PQX851993:PQY852000 QAT851993:QAU852000 QKP851993:QKQ852000 QUL851993:QUM852000 REH851993:REI852000 ROD851993:ROE852000 RXZ851993:RYA852000 SHV851993:SHW852000 SRR851993:SRS852000 TBN851993:TBO852000 TLJ851993:TLK852000 TVF851993:TVG852000 UFB851993:UFC852000 UOX851993:UOY852000 UYT851993:UYU852000 VIP851993:VIQ852000 VSL851993:VSM852000 WCH851993:WCI852000 WMD851993:WME852000 WVZ851993:WWA852000 R917529:S917536 JN917529:JO917536 TJ917529:TK917536 ADF917529:ADG917536 ANB917529:ANC917536 AWX917529:AWY917536 BGT917529:BGU917536 BQP917529:BQQ917536 CAL917529:CAM917536 CKH917529:CKI917536 CUD917529:CUE917536 DDZ917529:DEA917536 DNV917529:DNW917536 DXR917529:DXS917536 EHN917529:EHO917536 ERJ917529:ERK917536 FBF917529:FBG917536 FLB917529:FLC917536 FUX917529:FUY917536 GET917529:GEU917536 GOP917529:GOQ917536 GYL917529:GYM917536 HIH917529:HII917536 HSD917529:HSE917536 IBZ917529:ICA917536 ILV917529:ILW917536 IVR917529:IVS917536 JFN917529:JFO917536 JPJ917529:JPK917536 JZF917529:JZG917536 KJB917529:KJC917536 KSX917529:KSY917536 LCT917529:LCU917536 LMP917529:LMQ917536 LWL917529:LWM917536 MGH917529:MGI917536 MQD917529:MQE917536 MZZ917529:NAA917536 NJV917529:NJW917536 NTR917529:NTS917536 ODN917529:ODO917536 ONJ917529:ONK917536 OXF917529:OXG917536 PHB917529:PHC917536 PQX917529:PQY917536 QAT917529:QAU917536 QKP917529:QKQ917536 QUL917529:QUM917536 REH917529:REI917536 ROD917529:ROE917536 RXZ917529:RYA917536 SHV917529:SHW917536 SRR917529:SRS917536 TBN917529:TBO917536 TLJ917529:TLK917536 TVF917529:TVG917536 UFB917529:UFC917536 UOX917529:UOY917536 UYT917529:UYU917536 VIP917529:VIQ917536 VSL917529:VSM917536 WCH917529:WCI917536 WMD917529:WME917536 WVZ917529:WWA917536 R983065:S983072 JN983065:JO983072 TJ983065:TK983072 ADF983065:ADG983072 ANB983065:ANC983072 AWX983065:AWY983072 BGT983065:BGU983072 BQP983065:BQQ983072 CAL983065:CAM983072 CKH983065:CKI983072 CUD983065:CUE983072 DDZ983065:DEA983072 DNV983065:DNW983072 DXR983065:DXS983072 EHN983065:EHO983072 ERJ983065:ERK983072 FBF983065:FBG983072 FLB983065:FLC983072 FUX983065:FUY983072 GET983065:GEU983072 GOP983065:GOQ983072 GYL983065:GYM983072 HIH983065:HII983072 HSD983065:HSE983072 IBZ983065:ICA983072 ILV983065:ILW983072 IVR983065:IVS983072 JFN983065:JFO983072 JPJ983065:JPK983072 JZF983065:JZG983072 KJB983065:KJC983072 KSX983065:KSY983072 LCT983065:LCU983072 LMP983065:LMQ983072 LWL983065:LWM983072 MGH983065:MGI983072 MQD983065:MQE983072 MZZ983065:NAA983072 NJV983065:NJW983072 NTR983065:NTS983072 ODN983065:ODO983072 ONJ983065:ONK983072 OXF983065:OXG983072 PHB983065:PHC983072 PQX983065:PQY983072 QAT983065:QAU983072 QKP983065:QKQ983072 QUL983065:QUM983072 REH983065:REI983072 ROD983065:ROE983072 RXZ983065:RYA983072 SHV983065:SHW983072 SRR983065:SRS983072 TBN983065:TBO983072 TLJ983065:TLK983072 TVF983065:TVG983072 UFB983065:UFC983072 UOX983065:UOY983072 UYT983065:UYU983072 VIP983065:VIQ983072 VSL983065:VSM983072 WCH983065:WCI983072 WMD983065:WME983072 WVZ983065:WWA983072 WWB983077:WWD983089 JP36:JR48 TL36:TN48 ADH36:ADJ48 AND36:ANF48 AWZ36:AXB48 BGV36:BGX48 BQR36:BQT48 CAN36:CAP48 CKJ36:CKL48 CUF36:CUH48 DEB36:DED48 DNX36:DNZ48 DXT36:DXV48 EHP36:EHR48 ERL36:ERN48 FBH36:FBJ48 FLD36:FLF48 FUZ36:FVB48 GEV36:GEX48 GOR36:GOT48 GYN36:GYP48 HIJ36:HIL48 HSF36:HSH48 ICB36:ICD48 ILX36:ILZ48 IVT36:IVV48 JFP36:JFR48 JPL36:JPN48 JZH36:JZJ48 KJD36:KJF48 KSZ36:KTB48 LCV36:LCX48 LMR36:LMT48 LWN36:LWP48 MGJ36:MGL48 MQF36:MQH48 NAB36:NAD48 NJX36:NJZ48 NTT36:NTV48 ODP36:ODR48 ONL36:ONN48 OXH36:OXJ48 PHD36:PHF48 PQZ36:PRB48 QAV36:QAX48 QKR36:QKT48 QUN36:QUP48 REJ36:REL48 ROF36:ROH48 RYB36:RYD48 SHX36:SHZ48 SRT36:SRV48 TBP36:TBR48 TLL36:TLN48 TVH36:TVJ48 UFD36:UFF48 UOZ36:UPB48 UYV36:UYX48 VIR36:VIT48 VSN36:VSP48 WCJ36:WCL48 WMF36:WMH48 WWB36:WWD48 T65573:V65585 JP65573:JR65585 TL65573:TN65585 ADH65573:ADJ65585 AND65573:ANF65585 AWZ65573:AXB65585 BGV65573:BGX65585 BQR65573:BQT65585 CAN65573:CAP65585 CKJ65573:CKL65585 CUF65573:CUH65585 DEB65573:DED65585 DNX65573:DNZ65585 DXT65573:DXV65585 EHP65573:EHR65585 ERL65573:ERN65585 FBH65573:FBJ65585 FLD65573:FLF65585 FUZ65573:FVB65585 GEV65573:GEX65585 GOR65573:GOT65585 GYN65573:GYP65585 HIJ65573:HIL65585 HSF65573:HSH65585 ICB65573:ICD65585 ILX65573:ILZ65585 IVT65573:IVV65585 JFP65573:JFR65585 JPL65573:JPN65585 JZH65573:JZJ65585 KJD65573:KJF65585 KSZ65573:KTB65585 LCV65573:LCX65585 LMR65573:LMT65585 LWN65573:LWP65585 MGJ65573:MGL65585 MQF65573:MQH65585 NAB65573:NAD65585 NJX65573:NJZ65585 NTT65573:NTV65585 ODP65573:ODR65585 ONL65573:ONN65585 OXH65573:OXJ65585 PHD65573:PHF65585 PQZ65573:PRB65585 QAV65573:QAX65585 QKR65573:QKT65585 QUN65573:QUP65585 REJ65573:REL65585 ROF65573:ROH65585 RYB65573:RYD65585 SHX65573:SHZ65585 SRT65573:SRV65585 TBP65573:TBR65585 TLL65573:TLN65585 TVH65573:TVJ65585 UFD65573:UFF65585 UOZ65573:UPB65585 UYV65573:UYX65585 VIR65573:VIT65585 VSN65573:VSP65585 WCJ65573:WCL65585 WMF65573:WMH65585 WWB65573:WWD65585 T131109:V131121 JP131109:JR131121 TL131109:TN131121 ADH131109:ADJ131121 AND131109:ANF131121 AWZ131109:AXB131121 BGV131109:BGX131121 BQR131109:BQT131121 CAN131109:CAP131121 CKJ131109:CKL131121 CUF131109:CUH131121 DEB131109:DED131121 DNX131109:DNZ131121 DXT131109:DXV131121 EHP131109:EHR131121 ERL131109:ERN131121 FBH131109:FBJ131121 FLD131109:FLF131121 FUZ131109:FVB131121 GEV131109:GEX131121 GOR131109:GOT131121 GYN131109:GYP131121 HIJ131109:HIL131121 HSF131109:HSH131121 ICB131109:ICD131121 ILX131109:ILZ131121 IVT131109:IVV131121 JFP131109:JFR131121 JPL131109:JPN131121 JZH131109:JZJ131121 KJD131109:KJF131121 KSZ131109:KTB131121 LCV131109:LCX131121 LMR131109:LMT131121 LWN131109:LWP131121 MGJ131109:MGL131121 MQF131109:MQH131121 NAB131109:NAD131121 NJX131109:NJZ131121 NTT131109:NTV131121 ODP131109:ODR131121 ONL131109:ONN131121 OXH131109:OXJ131121 PHD131109:PHF131121 PQZ131109:PRB131121 QAV131109:QAX131121 QKR131109:QKT131121 QUN131109:QUP131121 REJ131109:REL131121 ROF131109:ROH131121 RYB131109:RYD131121 SHX131109:SHZ131121 SRT131109:SRV131121 TBP131109:TBR131121 TLL131109:TLN131121 TVH131109:TVJ131121 UFD131109:UFF131121 UOZ131109:UPB131121 UYV131109:UYX131121 VIR131109:VIT131121 VSN131109:VSP131121 WCJ131109:WCL131121 WMF131109:WMH131121 WWB131109:WWD131121 T196645:V196657 JP196645:JR196657 TL196645:TN196657 ADH196645:ADJ196657 AND196645:ANF196657 AWZ196645:AXB196657 BGV196645:BGX196657 BQR196645:BQT196657 CAN196645:CAP196657 CKJ196645:CKL196657 CUF196645:CUH196657 DEB196645:DED196657 DNX196645:DNZ196657 DXT196645:DXV196657 EHP196645:EHR196657 ERL196645:ERN196657 FBH196645:FBJ196657 FLD196645:FLF196657 FUZ196645:FVB196657 GEV196645:GEX196657 GOR196645:GOT196657 GYN196645:GYP196657 HIJ196645:HIL196657 HSF196645:HSH196657 ICB196645:ICD196657 ILX196645:ILZ196657 IVT196645:IVV196657 JFP196645:JFR196657 JPL196645:JPN196657 JZH196645:JZJ196657 KJD196645:KJF196657 KSZ196645:KTB196657 LCV196645:LCX196657 LMR196645:LMT196657 LWN196645:LWP196657 MGJ196645:MGL196657 MQF196645:MQH196657 NAB196645:NAD196657 NJX196645:NJZ196657 NTT196645:NTV196657 ODP196645:ODR196657 ONL196645:ONN196657 OXH196645:OXJ196657 PHD196645:PHF196657 PQZ196645:PRB196657 QAV196645:QAX196657 QKR196645:QKT196657 QUN196645:QUP196657 REJ196645:REL196657 ROF196645:ROH196657 RYB196645:RYD196657 SHX196645:SHZ196657 SRT196645:SRV196657 TBP196645:TBR196657 TLL196645:TLN196657 TVH196645:TVJ196657 UFD196645:UFF196657 UOZ196645:UPB196657 UYV196645:UYX196657 VIR196645:VIT196657 VSN196645:VSP196657 WCJ196645:WCL196657 WMF196645:WMH196657 WWB196645:WWD196657 T262181:V262193 JP262181:JR262193 TL262181:TN262193 ADH262181:ADJ262193 AND262181:ANF262193 AWZ262181:AXB262193 BGV262181:BGX262193 BQR262181:BQT262193 CAN262181:CAP262193 CKJ262181:CKL262193 CUF262181:CUH262193 DEB262181:DED262193 DNX262181:DNZ262193 DXT262181:DXV262193 EHP262181:EHR262193 ERL262181:ERN262193 FBH262181:FBJ262193 FLD262181:FLF262193 FUZ262181:FVB262193 GEV262181:GEX262193 GOR262181:GOT262193 GYN262181:GYP262193 HIJ262181:HIL262193 HSF262181:HSH262193 ICB262181:ICD262193 ILX262181:ILZ262193 IVT262181:IVV262193 JFP262181:JFR262193 JPL262181:JPN262193 JZH262181:JZJ262193 KJD262181:KJF262193 KSZ262181:KTB262193 LCV262181:LCX262193 LMR262181:LMT262193 LWN262181:LWP262193 MGJ262181:MGL262193 MQF262181:MQH262193 NAB262181:NAD262193 NJX262181:NJZ262193 NTT262181:NTV262193 ODP262181:ODR262193 ONL262181:ONN262193 OXH262181:OXJ262193 PHD262181:PHF262193 PQZ262181:PRB262193 QAV262181:QAX262193 QKR262181:QKT262193 QUN262181:QUP262193 REJ262181:REL262193 ROF262181:ROH262193 RYB262181:RYD262193 SHX262181:SHZ262193 SRT262181:SRV262193 TBP262181:TBR262193 TLL262181:TLN262193 TVH262181:TVJ262193 UFD262181:UFF262193 UOZ262181:UPB262193 UYV262181:UYX262193 VIR262181:VIT262193 VSN262181:VSP262193 WCJ262181:WCL262193 WMF262181:WMH262193 WWB262181:WWD262193 T327717:V327729 JP327717:JR327729 TL327717:TN327729 ADH327717:ADJ327729 AND327717:ANF327729 AWZ327717:AXB327729 BGV327717:BGX327729 BQR327717:BQT327729 CAN327717:CAP327729 CKJ327717:CKL327729 CUF327717:CUH327729 DEB327717:DED327729 DNX327717:DNZ327729 DXT327717:DXV327729 EHP327717:EHR327729 ERL327717:ERN327729 FBH327717:FBJ327729 FLD327717:FLF327729 FUZ327717:FVB327729 GEV327717:GEX327729 GOR327717:GOT327729 GYN327717:GYP327729 HIJ327717:HIL327729 HSF327717:HSH327729 ICB327717:ICD327729 ILX327717:ILZ327729 IVT327717:IVV327729 JFP327717:JFR327729 JPL327717:JPN327729 JZH327717:JZJ327729 KJD327717:KJF327729 KSZ327717:KTB327729 LCV327717:LCX327729 LMR327717:LMT327729 LWN327717:LWP327729 MGJ327717:MGL327729 MQF327717:MQH327729 NAB327717:NAD327729 NJX327717:NJZ327729 NTT327717:NTV327729 ODP327717:ODR327729 ONL327717:ONN327729 OXH327717:OXJ327729 PHD327717:PHF327729 PQZ327717:PRB327729 QAV327717:QAX327729 QKR327717:QKT327729 QUN327717:QUP327729 REJ327717:REL327729 ROF327717:ROH327729 RYB327717:RYD327729 SHX327717:SHZ327729 SRT327717:SRV327729 TBP327717:TBR327729 TLL327717:TLN327729 TVH327717:TVJ327729 UFD327717:UFF327729 UOZ327717:UPB327729 UYV327717:UYX327729 VIR327717:VIT327729 VSN327717:VSP327729 WCJ327717:WCL327729 WMF327717:WMH327729 WWB327717:WWD327729 T393253:V393265 JP393253:JR393265 TL393253:TN393265 ADH393253:ADJ393265 AND393253:ANF393265 AWZ393253:AXB393265 BGV393253:BGX393265 BQR393253:BQT393265 CAN393253:CAP393265 CKJ393253:CKL393265 CUF393253:CUH393265 DEB393253:DED393265 DNX393253:DNZ393265 DXT393253:DXV393265 EHP393253:EHR393265 ERL393253:ERN393265 FBH393253:FBJ393265 FLD393253:FLF393265 FUZ393253:FVB393265 GEV393253:GEX393265 GOR393253:GOT393265 GYN393253:GYP393265 HIJ393253:HIL393265 HSF393253:HSH393265 ICB393253:ICD393265 ILX393253:ILZ393265 IVT393253:IVV393265 JFP393253:JFR393265 JPL393253:JPN393265 JZH393253:JZJ393265 KJD393253:KJF393265 KSZ393253:KTB393265 LCV393253:LCX393265 LMR393253:LMT393265 LWN393253:LWP393265 MGJ393253:MGL393265 MQF393253:MQH393265 NAB393253:NAD393265 NJX393253:NJZ393265 NTT393253:NTV393265 ODP393253:ODR393265 ONL393253:ONN393265 OXH393253:OXJ393265 PHD393253:PHF393265 PQZ393253:PRB393265 QAV393253:QAX393265 QKR393253:QKT393265 QUN393253:QUP393265 REJ393253:REL393265 ROF393253:ROH393265 RYB393253:RYD393265 SHX393253:SHZ393265 SRT393253:SRV393265 TBP393253:TBR393265 TLL393253:TLN393265 TVH393253:TVJ393265 UFD393253:UFF393265 UOZ393253:UPB393265 UYV393253:UYX393265 VIR393253:VIT393265 VSN393253:VSP393265 WCJ393253:WCL393265 WMF393253:WMH393265 WWB393253:WWD393265 T458789:V458801 JP458789:JR458801 TL458789:TN458801 ADH458789:ADJ458801 AND458789:ANF458801 AWZ458789:AXB458801 BGV458789:BGX458801 BQR458789:BQT458801 CAN458789:CAP458801 CKJ458789:CKL458801 CUF458789:CUH458801 DEB458789:DED458801 DNX458789:DNZ458801 DXT458789:DXV458801 EHP458789:EHR458801 ERL458789:ERN458801 FBH458789:FBJ458801 FLD458789:FLF458801 FUZ458789:FVB458801 GEV458789:GEX458801 GOR458789:GOT458801 GYN458789:GYP458801 HIJ458789:HIL458801 HSF458789:HSH458801 ICB458789:ICD458801 ILX458789:ILZ458801 IVT458789:IVV458801 JFP458789:JFR458801 JPL458789:JPN458801 JZH458789:JZJ458801 KJD458789:KJF458801 KSZ458789:KTB458801 LCV458789:LCX458801 LMR458789:LMT458801 LWN458789:LWP458801 MGJ458789:MGL458801 MQF458789:MQH458801 NAB458789:NAD458801 NJX458789:NJZ458801 NTT458789:NTV458801 ODP458789:ODR458801 ONL458789:ONN458801 OXH458789:OXJ458801 PHD458789:PHF458801 PQZ458789:PRB458801 QAV458789:QAX458801 QKR458789:QKT458801 QUN458789:QUP458801 REJ458789:REL458801 ROF458789:ROH458801 RYB458789:RYD458801 SHX458789:SHZ458801 SRT458789:SRV458801 TBP458789:TBR458801 TLL458789:TLN458801 TVH458789:TVJ458801 UFD458789:UFF458801 UOZ458789:UPB458801 UYV458789:UYX458801 VIR458789:VIT458801 VSN458789:VSP458801 WCJ458789:WCL458801 WMF458789:WMH458801 WWB458789:WWD458801 T524325:V524337 JP524325:JR524337 TL524325:TN524337 ADH524325:ADJ524337 AND524325:ANF524337 AWZ524325:AXB524337 BGV524325:BGX524337 BQR524325:BQT524337 CAN524325:CAP524337 CKJ524325:CKL524337 CUF524325:CUH524337 DEB524325:DED524337 DNX524325:DNZ524337 DXT524325:DXV524337 EHP524325:EHR524337 ERL524325:ERN524337 FBH524325:FBJ524337 FLD524325:FLF524337 FUZ524325:FVB524337 GEV524325:GEX524337 GOR524325:GOT524337 GYN524325:GYP524337 HIJ524325:HIL524337 HSF524325:HSH524337 ICB524325:ICD524337 ILX524325:ILZ524337 IVT524325:IVV524337 JFP524325:JFR524337 JPL524325:JPN524337 JZH524325:JZJ524337 KJD524325:KJF524337 KSZ524325:KTB524337 LCV524325:LCX524337 LMR524325:LMT524337 LWN524325:LWP524337 MGJ524325:MGL524337 MQF524325:MQH524337 NAB524325:NAD524337 NJX524325:NJZ524337 NTT524325:NTV524337 ODP524325:ODR524337 ONL524325:ONN524337 OXH524325:OXJ524337 PHD524325:PHF524337 PQZ524325:PRB524337 QAV524325:QAX524337 QKR524325:QKT524337 QUN524325:QUP524337 REJ524325:REL524337 ROF524325:ROH524337 RYB524325:RYD524337 SHX524325:SHZ524337 SRT524325:SRV524337 TBP524325:TBR524337 TLL524325:TLN524337 TVH524325:TVJ524337 UFD524325:UFF524337 UOZ524325:UPB524337 UYV524325:UYX524337 VIR524325:VIT524337 VSN524325:VSP524337 WCJ524325:WCL524337 WMF524325:WMH524337 WWB524325:WWD524337 T589861:V589873 JP589861:JR589873 TL589861:TN589873 ADH589861:ADJ589873 AND589861:ANF589873 AWZ589861:AXB589873 BGV589861:BGX589873 BQR589861:BQT589873 CAN589861:CAP589873 CKJ589861:CKL589873 CUF589861:CUH589873 DEB589861:DED589873 DNX589861:DNZ589873 DXT589861:DXV589873 EHP589861:EHR589873 ERL589861:ERN589873 FBH589861:FBJ589873 FLD589861:FLF589873 FUZ589861:FVB589873 GEV589861:GEX589873 GOR589861:GOT589873 GYN589861:GYP589873 HIJ589861:HIL589873 HSF589861:HSH589873 ICB589861:ICD589873 ILX589861:ILZ589873 IVT589861:IVV589873 JFP589861:JFR589873 JPL589861:JPN589873 JZH589861:JZJ589873 KJD589861:KJF589873 KSZ589861:KTB589873 LCV589861:LCX589873 LMR589861:LMT589873 LWN589861:LWP589873 MGJ589861:MGL589873 MQF589861:MQH589873 NAB589861:NAD589873 NJX589861:NJZ589873 NTT589861:NTV589873 ODP589861:ODR589873 ONL589861:ONN589873 OXH589861:OXJ589873 PHD589861:PHF589873 PQZ589861:PRB589873 QAV589861:QAX589873 QKR589861:QKT589873 QUN589861:QUP589873 REJ589861:REL589873 ROF589861:ROH589873 RYB589861:RYD589873 SHX589861:SHZ589873 SRT589861:SRV589873 TBP589861:TBR589873 TLL589861:TLN589873 TVH589861:TVJ589873 UFD589861:UFF589873 UOZ589861:UPB589873 UYV589861:UYX589873 VIR589861:VIT589873 VSN589861:VSP589873 WCJ589861:WCL589873 WMF589861:WMH589873 WWB589861:WWD589873 T655397:V655409 JP655397:JR655409 TL655397:TN655409 ADH655397:ADJ655409 AND655397:ANF655409 AWZ655397:AXB655409 BGV655397:BGX655409 BQR655397:BQT655409 CAN655397:CAP655409 CKJ655397:CKL655409 CUF655397:CUH655409 DEB655397:DED655409 DNX655397:DNZ655409 DXT655397:DXV655409 EHP655397:EHR655409 ERL655397:ERN655409 FBH655397:FBJ655409 FLD655397:FLF655409 FUZ655397:FVB655409 GEV655397:GEX655409 GOR655397:GOT655409 GYN655397:GYP655409 HIJ655397:HIL655409 HSF655397:HSH655409 ICB655397:ICD655409 ILX655397:ILZ655409 IVT655397:IVV655409 JFP655397:JFR655409 JPL655397:JPN655409 JZH655397:JZJ655409 KJD655397:KJF655409 KSZ655397:KTB655409 LCV655397:LCX655409 LMR655397:LMT655409 LWN655397:LWP655409 MGJ655397:MGL655409 MQF655397:MQH655409 NAB655397:NAD655409 NJX655397:NJZ655409 NTT655397:NTV655409 ODP655397:ODR655409 ONL655397:ONN655409 OXH655397:OXJ655409 PHD655397:PHF655409 PQZ655397:PRB655409 QAV655397:QAX655409 QKR655397:QKT655409 QUN655397:QUP655409 REJ655397:REL655409 ROF655397:ROH655409 RYB655397:RYD655409 SHX655397:SHZ655409 SRT655397:SRV655409 TBP655397:TBR655409 TLL655397:TLN655409 TVH655397:TVJ655409 UFD655397:UFF655409 UOZ655397:UPB655409 UYV655397:UYX655409 VIR655397:VIT655409 VSN655397:VSP655409 WCJ655397:WCL655409 WMF655397:WMH655409 WWB655397:WWD655409 T720933:V720945 JP720933:JR720945 TL720933:TN720945 ADH720933:ADJ720945 AND720933:ANF720945 AWZ720933:AXB720945 BGV720933:BGX720945 BQR720933:BQT720945 CAN720933:CAP720945 CKJ720933:CKL720945 CUF720933:CUH720945 DEB720933:DED720945 DNX720933:DNZ720945 DXT720933:DXV720945 EHP720933:EHR720945 ERL720933:ERN720945 FBH720933:FBJ720945 FLD720933:FLF720945 FUZ720933:FVB720945 GEV720933:GEX720945 GOR720933:GOT720945 GYN720933:GYP720945 HIJ720933:HIL720945 HSF720933:HSH720945 ICB720933:ICD720945 ILX720933:ILZ720945 IVT720933:IVV720945 JFP720933:JFR720945 JPL720933:JPN720945 JZH720933:JZJ720945 KJD720933:KJF720945 KSZ720933:KTB720945 LCV720933:LCX720945 LMR720933:LMT720945 LWN720933:LWP720945 MGJ720933:MGL720945 MQF720933:MQH720945 NAB720933:NAD720945 NJX720933:NJZ720945 NTT720933:NTV720945 ODP720933:ODR720945 ONL720933:ONN720945 OXH720933:OXJ720945 PHD720933:PHF720945 PQZ720933:PRB720945 QAV720933:QAX720945 QKR720933:QKT720945 QUN720933:QUP720945 REJ720933:REL720945 ROF720933:ROH720945 RYB720933:RYD720945 SHX720933:SHZ720945 SRT720933:SRV720945 TBP720933:TBR720945 TLL720933:TLN720945 TVH720933:TVJ720945 UFD720933:UFF720945 UOZ720933:UPB720945 UYV720933:UYX720945 VIR720933:VIT720945 VSN720933:VSP720945 WCJ720933:WCL720945 WMF720933:WMH720945 WWB720933:WWD720945 T786469:V786481 JP786469:JR786481 TL786469:TN786481 ADH786469:ADJ786481 AND786469:ANF786481 AWZ786469:AXB786481 BGV786469:BGX786481 BQR786469:BQT786481 CAN786469:CAP786481 CKJ786469:CKL786481 CUF786469:CUH786481 DEB786469:DED786481 DNX786469:DNZ786481 DXT786469:DXV786481 EHP786469:EHR786481 ERL786469:ERN786481 FBH786469:FBJ786481 FLD786469:FLF786481 FUZ786469:FVB786481 GEV786469:GEX786481 GOR786469:GOT786481 GYN786469:GYP786481 HIJ786469:HIL786481 HSF786469:HSH786481 ICB786469:ICD786481 ILX786469:ILZ786481 IVT786469:IVV786481 JFP786469:JFR786481 JPL786469:JPN786481 JZH786469:JZJ786481 KJD786469:KJF786481 KSZ786469:KTB786481 LCV786469:LCX786481 LMR786469:LMT786481 LWN786469:LWP786481 MGJ786469:MGL786481 MQF786469:MQH786481 NAB786469:NAD786481 NJX786469:NJZ786481 NTT786469:NTV786481 ODP786469:ODR786481 ONL786469:ONN786481 OXH786469:OXJ786481 PHD786469:PHF786481 PQZ786469:PRB786481 QAV786469:QAX786481 QKR786469:QKT786481 QUN786469:QUP786481 REJ786469:REL786481 ROF786469:ROH786481 RYB786469:RYD786481 SHX786469:SHZ786481 SRT786469:SRV786481 TBP786469:TBR786481 TLL786469:TLN786481 TVH786469:TVJ786481 UFD786469:UFF786481 UOZ786469:UPB786481 UYV786469:UYX786481 VIR786469:VIT786481 VSN786469:VSP786481 WCJ786469:WCL786481 WMF786469:WMH786481 WWB786469:WWD786481 T852005:V852017 JP852005:JR852017 TL852005:TN852017 ADH852005:ADJ852017 AND852005:ANF852017 AWZ852005:AXB852017 BGV852005:BGX852017 BQR852005:BQT852017 CAN852005:CAP852017 CKJ852005:CKL852017 CUF852005:CUH852017 DEB852005:DED852017 DNX852005:DNZ852017 DXT852005:DXV852017 EHP852005:EHR852017 ERL852005:ERN852017 FBH852005:FBJ852017 FLD852005:FLF852017 FUZ852005:FVB852017 GEV852005:GEX852017 GOR852005:GOT852017 GYN852005:GYP852017 HIJ852005:HIL852017 HSF852005:HSH852017 ICB852005:ICD852017 ILX852005:ILZ852017 IVT852005:IVV852017 JFP852005:JFR852017 JPL852005:JPN852017 JZH852005:JZJ852017 KJD852005:KJF852017 KSZ852005:KTB852017 LCV852005:LCX852017 LMR852005:LMT852017 LWN852005:LWP852017 MGJ852005:MGL852017 MQF852005:MQH852017 NAB852005:NAD852017 NJX852005:NJZ852017 NTT852005:NTV852017 ODP852005:ODR852017 ONL852005:ONN852017 OXH852005:OXJ852017 PHD852005:PHF852017 PQZ852005:PRB852017 QAV852005:QAX852017 QKR852005:QKT852017 QUN852005:QUP852017 REJ852005:REL852017 ROF852005:ROH852017 RYB852005:RYD852017 SHX852005:SHZ852017 SRT852005:SRV852017 TBP852005:TBR852017 TLL852005:TLN852017 TVH852005:TVJ852017 UFD852005:UFF852017 UOZ852005:UPB852017 UYV852005:UYX852017 VIR852005:VIT852017 VSN852005:VSP852017 WCJ852005:WCL852017 WMF852005:WMH852017 WWB852005:WWD852017 T917541:V917553 JP917541:JR917553 TL917541:TN917553 ADH917541:ADJ917553 AND917541:ANF917553 AWZ917541:AXB917553 BGV917541:BGX917553 BQR917541:BQT917553 CAN917541:CAP917553 CKJ917541:CKL917553 CUF917541:CUH917553 DEB917541:DED917553 DNX917541:DNZ917553 DXT917541:DXV917553 EHP917541:EHR917553 ERL917541:ERN917553 FBH917541:FBJ917553 FLD917541:FLF917553 FUZ917541:FVB917553 GEV917541:GEX917553 GOR917541:GOT917553 GYN917541:GYP917553 HIJ917541:HIL917553 HSF917541:HSH917553 ICB917541:ICD917553 ILX917541:ILZ917553 IVT917541:IVV917553 JFP917541:JFR917553 JPL917541:JPN917553 JZH917541:JZJ917553 KJD917541:KJF917553 KSZ917541:KTB917553 LCV917541:LCX917553 LMR917541:LMT917553 LWN917541:LWP917553 MGJ917541:MGL917553 MQF917541:MQH917553 NAB917541:NAD917553 NJX917541:NJZ917553 NTT917541:NTV917553 ODP917541:ODR917553 ONL917541:ONN917553 OXH917541:OXJ917553 PHD917541:PHF917553 PQZ917541:PRB917553 QAV917541:QAX917553 QKR917541:QKT917553 QUN917541:QUP917553 REJ917541:REL917553 ROF917541:ROH917553 RYB917541:RYD917553 SHX917541:SHZ917553 SRT917541:SRV917553 TBP917541:TBR917553 TLL917541:TLN917553 TVH917541:TVJ917553 UFD917541:UFF917553 UOZ917541:UPB917553 UYV917541:UYX917553 VIR917541:VIT917553 VSN917541:VSP917553 WCJ917541:WCL917553 WMF917541:WMH917553 WWB917541:WWD917553 T983077:V983089 JP983077:JR983089 TL983077:TN983089 ADH983077:ADJ983089 AND983077:ANF983089 AWZ983077:AXB983089 BGV983077:BGX983089 BQR983077:BQT983089 CAN983077:CAP983089 CKJ983077:CKL983089 CUF983077:CUH983089 DEB983077:DED983089 DNX983077:DNZ983089 DXT983077:DXV983089 EHP983077:EHR983089 ERL983077:ERN983089 FBH983077:FBJ983089 FLD983077:FLF983089 FUZ983077:FVB983089 GEV983077:GEX983089 GOR983077:GOT983089 GYN983077:GYP983089 HIJ983077:HIL983089 HSF983077:HSH983089 ICB983077:ICD983089 ILX983077:ILZ983089 IVT983077:IVV983089 JFP983077:JFR983089 JPL983077:JPN983089 JZH983077:JZJ983089 KJD983077:KJF983089 KSZ983077:KTB983089 LCV983077:LCX983089 LMR983077:LMT983089 LWN983077:LWP983089 MGJ983077:MGL983089 MQF983077:MQH983089 NAB983077:NAD983089 NJX983077:NJZ983089 NTT983077:NTV983089 ODP983077:ODR983089 ONL983077:ONN983089 OXH983077:OXJ983089 PHD983077:PHF983089 PQZ983077:PRB983089 QAV983077:QAX983089 QKR983077:QKT983089 QUN983077:QUP983089 REJ983077:REL983089 ROF983077:ROH983089 RYB983077:RYD983089 SHX983077:SHZ983089 SRT983077:SRV983089 TBP983077:TBR983089 TLL983077:TLN983089 TVH983077:TVJ983089 UFD983077:UFF983089 UOZ983077:UPB983089 UYV983077:UYX983089 VIR983077:VIT983089 VSN983077:VSP983089 WCJ983077:WCL983089 WMF983077:WMH983089 U38:V48 T37:T48">
      <formula1>"男,女"</formula1>
    </dataValidation>
    <dataValidation imeMode="fullKatakana" allowBlank="1" showInputMessage="1" showErrorMessage="1" sqref="K14:X14 JG14:JT14 TC14:TP14 ACY14:ADL14 AMU14:ANH14 AWQ14:AXD14 BGM14:BGZ14 BQI14:BQV14 CAE14:CAR14 CKA14:CKN14 CTW14:CUJ14 DDS14:DEF14 DNO14:DOB14 DXK14:DXX14 EHG14:EHT14 ERC14:ERP14 FAY14:FBL14 FKU14:FLH14 FUQ14:FVD14 GEM14:GEZ14 GOI14:GOV14 GYE14:GYR14 HIA14:HIN14 HRW14:HSJ14 IBS14:ICF14 ILO14:IMB14 IVK14:IVX14 JFG14:JFT14 JPC14:JPP14 JYY14:JZL14 KIU14:KJH14 KSQ14:KTD14 LCM14:LCZ14 LMI14:LMV14 LWE14:LWR14 MGA14:MGN14 MPW14:MQJ14 MZS14:NAF14 NJO14:NKB14 NTK14:NTX14 ODG14:ODT14 ONC14:ONP14 OWY14:OXL14 PGU14:PHH14 PQQ14:PRD14 QAM14:QAZ14 QKI14:QKV14 QUE14:QUR14 REA14:REN14 RNW14:ROJ14 RXS14:RYF14 SHO14:SIB14 SRK14:SRX14 TBG14:TBT14 TLC14:TLP14 TUY14:TVL14 UEU14:UFH14 UOQ14:UPD14 UYM14:UYZ14 VII14:VIV14 VSE14:VSR14 WCA14:WCN14 WLW14:WMJ14 WVS14:WWF14 K65554:X65554 JG65554:JT65554 TC65554:TP65554 ACY65554:ADL65554 AMU65554:ANH65554 AWQ65554:AXD65554 BGM65554:BGZ65554 BQI65554:BQV65554 CAE65554:CAR65554 CKA65554:CKN65554 CTW65554:CUJ65554 DDS65554:DEF65554 DNO65554:DOB65554 DXK65554:DXX65554 EHG65554:EHT65554 ERC65554:ERP65554 FAY65554:FBL65554 FKU65554:FLH65554 FUQ65554:FVD65554 GEM65554:GEZ65554 GOI65554:GOV65554 GYE65554:GYR65554 HIA65554:HIN65554 HRW65554:HSJ65554 IBS65554:ICF65554 ILO65554:IMB65554 IVK65554:IVX65554 JFG65554:JFT65554 JPC65554:JPP65554 JYY65554:JZL65554 KIU65554:KJH65554 KSQ65554:KTD65554 LCM65554:LCZ65554 LMI65554:LMV65554 LWE65554:LWR65554 MGA65554:MGN65554 MPW65554:MQJ65554 MZS65554:NAF65554 NJO65554:NKB65554 NTK65554:NTX65554 ODG65554:ODT65554 ONC65554:ONP65554 OWY65554:OXL65554 PGU65554:PHH65554 PQQ65554:PRD65554 QAM65554:QAZ65554 QKI65554:QKV65554 QUE65554:QUR65554 REA65554:REN65554 RNW65554:ROJ65554 RXS65554:RYF65554 SHO65554:SIB65554 SRK65554:SRX65554 TBG65554:TBT65554 TLC65554:TLP65554 TUY65554:TVL65554 UEU65554:UFH65554 UOQ65554:UPD65554 UYM65554:UYZ65554 VII65554:VIV65554 VSE65554:VSR65554 WCA65554:WCN65554 WLW65554:WMJ65554 WVS65554:WWF65554 K131090:X131090 JG131090:JT131090 TC131090:TP131090 ACY131090:ADL131090 AMU131090:ANH131090 AWQ131090:AXD131090 BGM131090:BGZ131090 BQI131090:BQV131090 CAE131090:CAR131090 CKA131090:CKN131090 CTW131090:CUJ131090 DDS131090:DEF131090 DNO131090:DOB131090 DXK131090:DXX131090 EHG131090:EHT131090 ERC131090:ERP131090 FAY131090:FBL131090 FKU131090:FLH131090 FUQ131090:FVD131090 GEM131090:GEZ131090 GOI131090:GOV131090 GYE131090:GYR131090 HIA131090:HIN131090 HRW131090:HSJ131090 IBS131090:ICF131090 ILO131090:IMB131090 IVK131090:IVX131090 JFG131090:JFT131090 JPC131090:JPP131090 JYY131090:JZL131090 KIU131090:KJH131090 KSQ131090:KTD131090 LCM131090:LCZ131090 LMI131090:LMV131090 LWE131090:LWR131090 MGA131090:MGN131090 MPW131090:MQJ131090 MZS131090:NAF131090 NJO131090:NKB131090 NTK131090:NTX131090 ODG131090:ODT131090 ONC131090:ONP131090 OWY131090:OXL131090 PGU131090:PHH131090 PQQ131090:PRD131090 QAM131090:QAZ131090 QKI131090:QKV131090 QUE131090:QUR131090 REA131090:REN131090 RNW131090:ROJ131090 RXS131090:RYF131090 SHO131090:SIB131090 SRK131090:SRX131090 TBG131090:TBT131090 TLC131090:TLP131090 TUY131090:TVL131090 UEU131090:UFH131090 UOQ131090:UPD131090 UYM131090:UYZ131090 VII131090:VIV131090 VSE131090:VSR131090 WCA131090:WCN131090 WLW131090:WMJ131090 WVS131090:WWF131090 K196626:X196626 JG196626:JT196626 TC196626:TP196626 ACY196626:ADL196626 AMU196626:ANH196626 AWQ196626:AXD196626 BGM196626:BGZ196626 BQI196626:BQV196626 CAE196626:CAR196626 CKA196626:CKN196626 CTW196626:CUJ196626 DDS196626:DEF196626 DNO196626:DOB196626 DXK196626:DXX196626 EHG196626:EHT196626 ERC196626:ERP196626 FAY196626:FBL196626 FKU196626:FLH196626 FUQ196626:FVD196626 GEM196626:GEZ196626 GOI196626:GOV196626 GYE196626:GYR196626 HIA196626:HIN196626 HRW196626:HSJ196626 IBS196626:ICF196626 ILO196626:IMB196626 IVK196626:IVX196626 JFG196626:JFT196626 JPC196626:JPP196626 JYY196626:JZL196626 KIU196626:KJH196626 KSQ196626:KTD196626 LCM196626:LCZ196626 LMI196626:LMV196626 LWE196626:LWR196626 MGA196626:MGN196626 MPW196626:MQJ196626 MZS196626:NAF196626 NJO196626:NKB196626 NTK196626:NTX196626 ODG196626:ODT196626 ONC196626:ONP196626 OWY196626:OXL196626 PGU196626:PHH196626 PQQ196626:PRD196626 QAM196626:QAZ196626 QKI196626:QKV196626 QUE196626:QUR196626 REA196626:REN196626 RNW196626:ROJ196626 RXS196626:RYF196626 SHO196626:SIB196626 SRK196626:SRX196626 TBG196626:TBT196626 TLC196626:TLP196626 TUY196626:TVL196626 UEU196626:UFH196626 UOQ196626:UPD196626 UYM196626:UYZ196626 VII196626:VIV196626 VSE196626:VSR196626 WCA196626:WCN196626 WLW196626:WMJ196626 WVS196626:WWF196626 K262162:X262162 JG262162:JT262162 TC262162:TP262162 ACY262162:ADL262162 AMU262162:ANH262162 AWQ262162:AXD262162 BGM262162:BGZ262162 BQI262162:BQV262162 CAE262162:CAR262162 CKA262162:CKN262162 CTW262162:CUJ262162 DDS262162:DEF262162 DNO262162:DOB262162 DXK262162:DXX262162 EHG262162:EHT262162 ERC262162:ERP262162 FAY262162:FBL262162 FKU262162:FLH262162 FUQ262162:FVD262162 GEM262162:GEZ262162 GOI262162:GOV262162 GYE262162:GYR262162 HIA262162:HIN262162 HRW262162:HSJ262162 IBS262162:ICF262162 ILO262162:IMB262162 IVK262162:IVX262162 JFG262162:JFT262162 JPC262162:JPP262162 JYY262162:JZL262162 KIU262162:KJH262162 KSQ262162:KTD262162 LCM262162:LCZ262162 LMI262162:LMV262162 LWE262162:LWR262162 MGA262162:MGN262162 MPW262162:MQJ262162 MZS262162:NAF262162 NJO262162:NKB262162 NTK262162:NTX262162 ODG262162:ODT262162 ONC262162:ONP262162 OWY262162:OXL262162 PGU262162:PHH262162 PQQ262162:PRD262162 QAM262162:QAZ262162 QKI262162:QKV262162 QUE262162:QUR262162 REA262162:REN262162 RNW262162:ROJ262162 RXS262162:RYF262162 SHO262162:SIB262162 SRK262162:SRX262162 TBG262162:TBT262162 TLC262162:TLP262162 TUY262162:TVL262162 UEU262162:UFH262162 UOQ262162:UPD262162 UYM262162:UYZ262162 VII262162:VIV262162 VSE262162:VSR262162 WCA262162:WCN262162 WLW262162:WMJ262162 WVS262162:WWF262162 K327698:X327698 JG327698:JT327698 TC327698:TP327698 ACY327698:ADL327698 AMU327698:ANH327698 AWQ327698:AXD327698 BGM327698:BGZ327698 BQI327698:BQV327698 CAE327698:CAR327698 CKA327698:CKN327698 CTW327698:CUJ327698 DDS327698:DEF327698 DNO327698:DOB327698 DXK327698:DXX327698 EHG327698:EHT327698 ERC327698:ERP327698 FAY327698:FBL327698 FKU327698:FLH327698 FUQ327698:FVD327698 GEM327698:GEZ327698 GOI327698:GOV327698 GYE327698:GYR327698 HIA327698:HIN327698 HRW327698:HSJ327698 IBS327698:ICF327698 ILO327698:IMB327698 IVK327698:IVX327698 JFG327698:JFT327698 JPC327698:JPP327698 JYY327698:JZL327698 KIU327698:KJH327698 KSQ327698:KTD327698 LCM327698:LCZ327698 LMI327698:LMV327698 LWE327698:LWR327698 MGA327698:MGN327698 MPW327698:MQJ327698 MZS327698:NAF327698 NJO327698:NKB327698 NTK327698:NTX327698 ODG327698:ODT327698 ONC327698:ONP327698 OWY327698:OXL327698 PGU327698:PHH327698 PQQ327698:PRD327698 QAM327698:QAZ327698 QKI327698:QKV327698 QUE327698:QUR327698 REA327698:REN327698 RNW327698:ROJ327698 RXS327698:RYF327698 SHO327698:SIB327698 SRK327698:SRX327698 TBG327698:TBT327698 TLC327698:TLP327698 TUY327698:TVL327698 UEU327698:UFH327698 UOQ327698:UPD327698 UYM327698:UYZ327698 VII327698:VIV327698 VSE327698:VSR327698 WCA327698:WCN327698 WLW327698:WMJ327698 WVS327698:WWF327698 K393234:X393234 JG393234:JT393234 TC393234:TP393234 ACY393234:ADL393234 AMU393234:ANH393234 AWQ393234:AXD393234 BGM393234:BGZ393234 BQI393234:BQV393234 CAE393234:CAR393234 CKA393234:CKN393234 CTW393234:CUJ393234 DDS393234:DEF393234 DNO393234:DOB393234 DXK393234:DXX393234 EHG393234:EHT393234 ERC393234:ERP393234 FAY393234:FBL393234 FKU393234:FLH393234 FUQ393234:FVD393234 GEM393234:GEZ393234 GOI393234:GOV393234 GYE393234:GYR393234 HIA393234:HIN393234 HRW393234:HSJ393234 IBS393234:ICF393234 ILO393234:IMB393234 IVK393234:IVX393234 JFG393234:JFT393234 JPC393234:JPP393234 JYY393234:JZL393234 KIU393234:KJH393234 KSQ393234:KTD393234 LCM393234:LCZ393234 LMI393234:LMV393234 LWE393234:LWR393234 MGA393234:MGN393234 MPW393234:MQJ393234 MZS393234:NAF393234 NJO393234:NKB393234 NTK393234:NTX393234 ODG393234:ODT393234 ONC393234:ONP393234 OWY393234:OXL393234 PGU393234:PHH393234 PQQ393234:PRD393234 QAM393234:QAZ393234 QKI393234:QKV393234 QUE393234:QUR393234 REA393234:REN393234 RNW393234:ROJ393234 RXS393234:RYF393234 SHO393234:SIB393234 SRK393234:SRX393234 TBG393234:TBT393234 TLC393234:TLP393234 TUY393234:TVL393234 UEU393234:UFH393234 UOQ393234:UPD393234 UYM393234:UYZ393234 VII393234:VIV393234 VSE393234:VSR393234 WCA393234:WCN393234 WLW393234:WMJ393234 WVS393234:WWF393234 K458770:X458770 JG458770:JT458770 TC458770:TP458770 ACY458770:ADL458770 AMU458770:ANH458770 AWQ458770:AXD458770 BGM458770:BGZ458770 BQI458770:BQV458770 CAE458770:CAR458770 CKA458770:CKN458770 CTW458770:CUJ458770 DDS458770:DEF458770 DNO458770:DOB458770 DXK458770:DXX458770 EHG458770:EHT458770 ERC458770:ERP458770 FAY458770:FBL458770 FKU458770:FLH458770 FUQ458770:FVD458770 GEM458770:GEZ458770 GOI458770:GOV458770 GYE458770:GYR458770 HIA458770:HIN458770 HRW458770:HSJ458770 IBS458770:ICF458770 ILO458770:IMB458770 IVK458770:IVX458770 JFG458770:JFT458770 JPC458770:JPP458770 JYY458770:JZL458770 KIU458770:KJH458770 KSQ458770:KTD458770 LCM458770:LCZ458770 LMI458770:LMV458770 LWE458770:LWR458770 MGA458770:MGN458770 MPW458770:MQJ458770 MZS458770:NAF458770 NJO458770:NKB458770 NTK458770:NTX458770 ODG458770:ODT458770 ONC458770:ONP458770 OWY458770:OXL458770 PGU458770:PHH458770 PQQ458770:PRD458770 QAM458770:QAZ458770 QKI458770:QKV458770 QUE458770:QUR458770 REA458770:REN458770 RNW458770:ROJ458770 RXS458770:RYF458770 SHO458770:SIB458770 SRK458770:SRX458770 TBG458770:TBT458770 TLC458770:TLP458770 TUY458770:TVL458770 UEU458770:UFH458770 UOQ458770:UPD458770 UYM458770:UYZ458770 VII458770:VIV458770 VSE458770:VSR458770 WCA458770:WCN458770 WLW458770:WMJ458770 WVS458770:WWF458770 K524306:X524306 JG524306:JT524306 TC524306:TP524306 ACY524306:ADL524306 AMU524306:ANH524306 AWQ524306:AXD524306 BGM524306:BGZ524306 BQI524306:BQV524306 CAE524306:CAR524306 CKA524306:CKN524306 CTW524306:CUJ524306 DDS524306:DEF524306 DNO524306:DOB524306 DXK524306:DXX524306 EHG524306:EHT524306 ERC524306:ERP524306 FAY524306:FBL524306 FKU524306:FLH524306 FUQ524306:FVD524306 GEM524306:GEZ524306 GOI524306:GOV524306 GYE524306:GYR524306 HIA524306:HIN524306 HRW524306:HSJ524306 IBS524306:ICF524306 ILO524306:IMB524306 IVK524306:IVX524306 JFG524306:JFT524306 JPC524306:JPP524306 JYY524306:JZL524306 KIU524306:KJH524306 KSQ524306:KTD524306 LCM524306:LCZ524306 LMI524306:LMV524306 LWE524306:LWR524306 MGA524306:MGN524306 MPW524306:MQJ524306 MZS524306:NAF524306 NJO524306:NKB524306 NTK524306:NTX524306 ODG524306:ODT524306 ONC524306:ONP524306 OWY524306:OXL524306 PGU524306:PHH524306 PQQ524306:PRD524306 QAM524306:QAZ524306 QKI524306:QKV524306 QUE524306:QUR524306 REA524306:REN524306 RNW524306:ROJ524306 RXS524306:RYF524306 SHO524306:SIB524306 SRK524306:SRX524306 TBG524306:TBT524306 TLC524306:TLP524306 TUY524306:TVL524306 UEU524306:UFH524306 UOQ524306:UPD524306 UYM524306:UYZ524306 VII524306:VIV524306 VSE524306:VSR524306 WCA524306:WCN524306 WLW524306:WMJ524306 WVS524306:WWF524306 K589842:X589842 JG589842:JT589842 TC589842:TP589842 ACY589842:ADL589842 AMU589842:ANH589842 AWQ589842:AXD589842 BGM589842:BGZ589842 BQI589842:BQV589842 CAE589842:CAR589842 CKA589842:CKN589842 CTW589842:CUJ589842 DDS589842:DEF589842 DNO589842:DOB589842 DXK589842:DXX589842 EHG589842:EHT589842 ERC589842:ERP589842 FAY589842:FBL589842 FKU589842:FLH589842 FUQ589842:FVD589842 GEM589842:GEZ589842 GOI589842:GOV589842 GYE589842:GYR589842 HIA589842:HIN589842 HRW589842:HSJ589842 IBS589842:ICF589842 ILO589842:IMB589842 IVK589842:IVX589842 JFG589842:JFT589842 JPC589842:JPP589842 JYY589842:JZL589842 KIU589842:KJH589842 KSQ589842:KTD589842 LCM589842:LCZ589842 LMI589842:LMV589842 LWE589842:LWR589842 MGA589842:MGN589842 MPW589842:MQJ589842 MZS589842:NAF589842 NJO589842:NKB589842 NTK589842:NTX589842 ODG589842:ODT589842 ONC589842:ONP589842 OWY589842:OXL589842 PGU589842:PHH589842 PQQ589842:PRD589842 QAM589842:QAZ589842 QKI589842:QKV589842 QUE589842:QUR589842 REA589842:REN589842 RNW589842:ROJ589842 RXS589842:RYF589842 SHO589842:SIB589842 SRK589842:SRX589842 TBG589842:TBT589842 TLC589842:TLP589842 TUY589842:TVL589842 UEU589842:UFH589842 UOQ589842:UPD589842 UYM589842:UYZ589842 VII589842:VIV589842 VSE589842:VSR589842 WCA589842:WCN589842 WLW589842:WMJ589842 WVS589842:WWF589842 K655378:X655378 JG655378:JT655378 TC655378:TP655378 ACY655378:ADL655378 AMU655378:ANH655378 AWQ655378:AXD655378 BGM655378:BGZ655378 BQI655378:BQV655378 CAE655378:CAR655378 CKA655378:CKN655378 CTW655378:CUJ655378 DDS655378:DEF655378 DNO655378:DOB655378 DXK655378:DXX655378 EHG655378:EHT655378 ERC655378:ERP655378 FAY655378:FBL655378 FKU655378:FLH655378 FUQ655378:FVD655378 GEM655378:GEZ655378 GOI655378:GOV655378 GYE655378:GYR655378 HIA655378:HIN655378 HRW655378:HSJ655378 IBS655378:ICF655378 ILO655378:IMB655378 IVK655378:IVX655378 JFG655378:JFT655378 JPC655378:JPP655378 JYY655378:JZL655378 KIU655378:KJH655378 KSQ655378:KTD655378 LCM655378:LCZ655378 LMI655378:LMV655378 LWE655378:LWR655378 MGA655378:MGN655378 MPW655378:MQJ655378 MZS655378:NAF655378 NJO655378:NKB655378 NTK655378:NTX655378 ODG655378:ODT655378 ONC655378:ONP655378 OWY655378:OXL655378 PGU655378:PHH655378 PQQ655378:PRD655378 QAM655378:QAZ655378 QKI655378:QKV655378 QUE655378:QUR655378 REA655378:REN655378 RNW655378:ROJ655378 RXS655378:RYF655378 SHO655378:SIB655378 SRK655378:SRX655378 TBG655378:TBT655378 TLC655378:TLP655378 TUY655378:TVL655378 UEU655378:UFH655378 UOQ655378:UPD655378 UYM655378:UYZ655378 VII655378:VIV655378 VSE655378:VSR655378 WCA655378:WCN655378 WLW655378:WMJ655378 WVS655378:WWF655378 K720914:X720914 JG720914:JT720914 TC720914:TP720914 ACY720914:ADL720914 AMU720914:ANH720914 AWQ720914:AXD720914 BGM720914:BGZ720914 BQI720914:BQV720914 CAE720914:CAR720914 CKA720914:CKN720914 CTW720914:CUJ720914 DDS720914:DEF720914 DNO720914:DOB720914 DXK720914:DXX720914 EHG720914:EHT720914 ERC720914:ERP720914 FAY720914:FBL720914 FKU720914:FLH720914 FUQ720914:FVD720914 GEM720914:GEZ720914 GOI720914:GOV720914 GYE720914:GYR720914 HIA720914:HIN720914 HRW720914:HSJ720914 IBS720914:ICF720914 ILO720914:IMB720914 IVK720914:IVX720914 JFG720914:JFT720914 JPC720914:JPP720914 JYY720914:JZL720914 KIU720914:KJH720914 KSQ720914:KTD720914 LCM720914:LCZ720914 LMI720914:LMV720914 LWE720914:LWR720914 MGA720914:MGN720914 MPW720914:MQJ720914 MZS720914:NAF720914 NJO720914:NKB720914 NTK720914:NTX720914 ODG720914:ODT720914 ONC720914:ONP720914 OWY720914:OXL720914 PGU720914:PHH720914 PQQ720914:PRD720914 QAM720914:QAZ720914 QKI720914:QKV720914 QUE720914:QUR720914 REA720914:REN720914 RNW720914:ROJ720914 RXS720914:RYF720914 SHO720914:SIB720914 SRK720914:SRX720914 TBG720914:TBT720914 TLC720914:TLP720914 TUY720914:TVL720914 UEU720914:UFH720914 UOQ720914:UPD720914 UYM720914:UYZ720914 VII720914:VIV720914 VSE720914:VSR720914 WCA720914:WCN720914 WLW720914:WMJ720914 WVS720914:WWF720914 K786450:X786450 JG786450:JT786450 TC786450:TP786450 ACY786450:ADL786450 AMU786450:ANH786450 AWQ786450:AXD786450 BGM786450:BGZ786450 BQI786450:BQV786450 CAE786450:CAR786450 CKA786450:CKN786450 CTW786450:CUJ786450 DDS786450:DEF786450 DNO786450:DOB786450 DXK786450:DXX786450 EHG786450:EHT786450 ERC786450:ERP786450 FAY786450:FBL786450 FKU786450:FLH786450 FUQ786450:FVD786450 GEM786450:GEZ786450 GOI786450:GOV786450 GYE786450:GYR786450 HIA786450:HIN786450 HRW786450:HSJ786450 IBS786450:ICF786450 ILO786450:IMB786450 IVK786450:IVX786450 JFG786450:JFT786450 JPC786450:JPP786450 JYY786450:JZL786450 KIU786450:KJH786450 KSQ786450:KTD786450 LCM786450:LCZ786450 LMI786450:LMV786450 LWE786450:LWR786450 MGA786450:MGN786450 MPW786450:MQJ786450 MZS786450:NAF786450 NJO786450:NKB786450 NTK786450:NTX786450 ODG786450:ODT786450 ONC786450:ONP786450 OWY786450:OXL786450 PGU786450:PHH786450 PQQ786450:PRD786450 QAM786450:QAZ786450 QKI786450:QKV786450 QUE786450:QUR786450 REA786450:REN786450 RNW786450:ROJ786450 RXS786450:RYF786450 SHO786450:SIB786450 SRK786450:SRX786450 TBG786450:TBT786450 TLC786450:TLP786450 TUY786450:TVL786450 UEU786450:UFH786450 UOQ786450:UPD786450 UYM786450:UYZ786450 VII786450:VIV786450 VSE786450:VSR786450 WCA786450:WCN786450 WLW786450:WMJ786450 WVS786450:WWF786450 K851986:X851986 JG851986:JT851986 TC851986:TP851986 ACY851986:ADL851986 AMU851986:ANH851986 AWQ851986:AXD851986 BGM851986:BGZ851986 BQI851986:BQV851986 CAE851986:CAR851986 CKA851986:CKN851986 CTW851986:CUJ851986 DDS851986:DEF851986 DNO851986:DOB851986 DXK851986:DXX851986 EHG851986:EHT851986 ERC851986:ERP851986 FAY851986:FBL851986 FKU851986:FLH851986 FUQ851986:FVD851986 GEM851986:GEZ851986 GOI851986:GOV851986 GYE851986:GYR851986 HIA851986:HIN851986 HRW851986:HSJ851986 IBS851986:ICF851986 ILO851986:IMB851986 IVK851986:IVX851986 JFG851986:JFT851986 JPC851986:JPP851986 JYY851986:JZL851986 KIU851986:KJH851986 KSQ851986:KTD851986 LCM851986:LCZ851986 LMI851986:LMV851986 LWE851986:LWR851986 MGA851986:MGN851986 MPW851986:MQJ851986 MZS851986:NAF851986 NJO851986:NKB851986 NTK851986:NTX851986 ODG851986:ODT851986 ONC851986:ONP851986 OWY851986:OXL851986 PGU851986:PHH851986 PQQ851986:PRD851986 QAM851986:QAZ851986 QKI851986:QKV851986 QUE851986:QUR851986 REA851986:REN851986 RNW851986:ROJ851986 RXS851986:RYF851986 SHO851986:SIB851986 SRK851986:SRX851986 TBG851986:TBT851986 TLC851986:TLP851986 TUY851986:TVL851986 UEU851986:UFH851986 UOQ851986:UPD851986 UYM851986:UYZ851986 VII851986:VIV851986 VSE851986:VSR851986 WCA851986:WCN851986 WLW851986:WMJ851986 WVS851986:WWF851986 K917522:X917522 JG917522:JT917522 TC917522:TP917522 ACY917522:ADL917522 AMU917522:ANH917522 AWQ917522:AXD917522 BGM917522:BGZ917522 BQI917522:BQV917522 CAE917522:CAR917522 CKA917522:CKN917522 CTW917522:CUJ917522 DDS917522:DEF917522 DNO917522:DOB917522 DXK917522:DXX917522 EHG917522:EHT917522 ERC917522:ERP917522 FAY917522:FBL917522 FKU917522:FLH917522 FUQ917522:FVD917522 GEM917522:GEZ917522 GOI917522:GOV917522 GYE917522:GYR917522 HIA917522:HIN917522 HRW917522:HSJ917522 IBS917522:ICF917522 ILO917522:IMB917522 IVK917522:IVX917522 JFG917522:JFT917522 JPC917522:JPP917522 JYY917522:JZL917522 KIU917522:KJH917522 KSQ917522:KTD917522 LCM917522:LCZ917522 LMI917522:LMV917522 LWE917522:LWR917522 MGA917522:MGN917522 MPW917522:MQJ917522 MZS917522:NAF917522 NJO917522:NKB917522 NTK917522:NTX917522 ODG917522:ODT917522 ONC917522:ONP917522 OWY917522:OXL917522 PGU917522:PHH917522 PQQ917522:PRD917522 QAM917522:QAZ917522 QKI917522:QKV917522 QUE917522:QUR917522 REA917522:REN917522 RNW917522:ROJ917522 RXS917522:RYF917522 SHO917522:SIB917522 SRK917522:SRX917522 TBG917522:TBT917522 TLC917522:TLP917522 TUY917522:TVL917522 UEU917522:UFH917522 UOQ917522:UPD917522 UYM917522:UYZ917522 VII917522:VIV917522 VSE917522:VSR917522 WCA917522:WCN917522 WLW917522:WMJ917522 WVS917522:WWF917522 K983058:X983058 JG983058:JT983058 TC983058:TP983058 ACY983058:ADL983058 AMU983058:ANH983058 AWQ983058:AXD983058 BGM983058:BGZ983058 BQI983058:BQV983058 CAE983058:CAR983058 CKA983058:CKN983058 CTW983058:CUJ983058 DDS983058:DEF983058 DNO983058:DOB983058 DXK983058:DXX983058 EHG983058:EHT983058 ERC983058:ERP983058 FAY983058:FBL983058 FKU983058:FLH983058 FUQ983058:FVD983058 GEM983058:GEZ983058 GOI983058:GOV983058 GYE983058:GYR983058 HIA983058:HIN983058 HRW983058:HSJ983058 IBS983058:ICF983058 ILO983058:IMB983058 IVK983058:IVX983058 JFG983058:JFT983058 JPC983058:JPP983058 JYY983058:JZL983058 KIU983058:KJH983058 KSQ983058:KTD983058 LCM983058:LCZ983058 LMI983058:LMV983058 LWE983058:LWR983058 MGA983058:MGN983058 MPW983058:MQJ983058 MZS983058:NAF983058 NJO983058:NKB983058 NTK983058:NTX983058 ODG983058:ODT983058 ONC983058:ONP983058 OWY983058:OXL983058 PGU983058:PHH983058 PQQ983058:PRD983058 QAM983058:QAZ983058 QKI983058:QKV983058 QUE983058:QUR983058 REA983058:REN983058 RNW983058:ROJ983058 RXS983058:RYF983058 SHO983058:SIB983058 SRK983058:SRX983058 TBG983058:TBT983058 TLC983058:TLP983058 TUY983058:TVL983058 UEU983058:UFH983058 UOQ983058:UPD983058 UYM983058:UYZ983058 VII983058:VIV983058 VSE983058:VSR983058 WCA983058:WCN983058 WLW983058:WMJ983058 WVS983058:WWF983058 H24:Q24 JD24:JM24 SZ24:TI24 ACV24:ADE24 AMR24:ANA24 AWN24:AWW24 BGJ24:BGS24 BQF24:BQO24 CAB24:CAK24 CJX24:CKG24 CTT24:CUC24 DDP24:DDY24 DNL24:DNU24 DXH24:DXQ24 EHD24:EHM24 EQZ24:ERI24 FAV24:FBE24 FKR24:FLA24 FUN24:FUW24 GEJ24:GES24 GOF24:GOO24 GYB24:GYK24 HHX24:HIG24 HRT24:HSC24 IBP24:IBY24 ILL24:ILU24 IVH24:IVQ24 JFD24:JFM24 JOZ24:JPI24 JYV24:JZE24 KIR24:KJA24 KSN24:KSW24 LCJ24:LCS24 LMF24:LMO24 LWB24:LWK24 MFX24:MGG24 MPT24:MQC24 MZP24:MZY24 NJL24:NJU24 NTH24:NTQ24 ODD24:ODM24 OMZ24:ONI24 OWV24:OXE24 PGR24:PHA24 PQN24:PQW24 QAJ24:QAS24 QKF24:QKO24 QUB24:QUK24 RDX24:REG24 RNT24:ROC24 RXP24:RXY24 SHL24:SHU24 SRH24:SRQ24 TBD24:TBM24 TKZ24:TLI24 TUV24:TVE24 UER24:UFA24 UON24:UOW24 UYJ24:UYS24 VIF24:VIO24 VSB24:VSK24 WBX24:WCG24 WLT24:WMC24 WVP24:WVY24 H65561:Q65561 JD65561:JM65561 SZ65561:TI65561 ACV65561:ADE65561 AMR65561:ANA65561 AWN65561:AWW65561 BGJ65561:BGS65561 BQF65561:BQO65561 CAB65561:CAK65561 CJX65561:CKG65561 CTT65561:CUC65561 DDP65561:DDY65561 DNL65561:DNU65561 DXH65561:DXQ65561 EHD65561:EHM65561 EQZ65561:ERI65561 FAV65561:FBE65561 FKR65561:FLA65561 FUN65561:FUW65561 GEJ65561:GES65561 GOF65561:GOO65561 GYB65561:GYK65561 HHX65561:HIG65561 HRT65561:HSC65561 IBP65561:IBY65561 ILL65561:ILU65561 IVH65561:IVQ65561 JFD65561:JFM65561 JOZ65561:JPI65561 JYV65561:JZE65561 KIR65561:KJA65561 KSN65561:KSW65561 LCJ65561:LCS65561 LMF65561:LMO65561 LWB65561:LWK65561 MFX65561:MGG65561 MPT65561:MQC65561 MZP65561:MZY65561 NJL65561:NJU65561 NTH65561:NTQ65561 ODD65561:ODM65561 OMZ65561:ONI65561 OWV65561:OXE65561 PGR65561:PHA65561 PQN65561:PQW65561 QAJ65561:QAS65561 QKF65561:QKO65561 QUB65561:QUK65561 RDX65561:REG65561 RNT65561:ROC65561 RXP65561:RXY65561 SHL65561:SHU65561 SRH65561:SRQ65561 TBD65561:TBM65561 TKZ65561:TLI65561 TUV65561:TVE65561 UER65561:UFA65561 UON65561:UOW65561 UYJ65561:UYS65561 VIF65561:VIO65561 VSB65561:VSK65561 WBX65561:WCG65561 WLT65561:WMC65561 WVP65561:WVY65561 H131097:Q131097 JD131097:JM131097 SZ131097:TI131097 ACV131097:ADE131097 AMR131097:ANA131097 AWN131097:AWW131097 BGJ131097:BGS131097 BQF131097:BQO131097 CAB131097:CAK131097 CJX131097:CKG131097 CTT131097:CUC131097 DDP131097:DDY131097 DNL131097:DNU131097 DXH131097:DXQ131097 EHD131097:EHM131097 EQZ131097:ERI131097 FAV131097:FBE131097 FKR131097:FLA131097 FUN131097:FUW131097 GEJ131097:GES131097 GOF131097:GOO131097 GYB131097:GYK131097 HHX131097:HIG131097 HRT131097:HSC131097 IBP131097:IBY131097 ILL131097:ILU131097 IVH131097:IVQ131097 JFD131097:JFM131097 JOZ131097:JPI131097 JYV131097:JZE131097 KIR131097:KJA131097 KSN131097:KSW131097 LCJ131097:LCS131097 LMF131097:LMO131097 LWB131097:LWK131097 MFX131097:MGG131097 MPT131097:MQC131097 MZP131097:MZY131097 NJL131097:NJU131097 NTH131097:NTQ131097 ODD131097:ODM131097 OMZ131097:ONI131097 OWV131097:OXE131097 PGR131097:PHA131097 PQN131097:PQW131097 QAJ131097:QAS131097 QKF131097:QKO131097 QUB131097:QUK131097 RDX131097:REG131097 RNT131097:ROC131097 RXP131097:RXY131097 SHL131097:SHU131097 SRH131097:SRQ131097 TBD131097:TBM131097 TKZ131097:TLI131097 TUV131097:TVE131097 UER131097:UFA131097 UON131097:UOW131097 UYJ131097:UYS131097 VIF131097:VIO131097 VSB131097:VSK131097 WBX131097:WCG131097 WLT131097:WMC131097 WVP131097:WVY131097 H196633:Q196633 JD196633:JM196633 SZ196633:TI196633 ACV196633:ADE196633 AMR196633:ANA196633 AWN196633:AWW196633 BGJ196633:BGS196633 BQF196633:BQO196633 CAB196633:CAK196633 CJX196633:CKG196633 CTT196633:CUC196633 DDP196633:DDY196633 DNL196633:DNU196633 DXH196633:DXQ196633 EHD196633:EHM196633 EQZ196633:ERI196633 FAV196633:FBE196633 FKR196633:FLA196633 FUN196633:FUW196633 GEJ196633:GES196633 GOF196633:GOO196633 GYB196633:GYK196633 HHX196633:HIG196633 HRT196633:HSC196633 IBP196633:IBY196633 ILL196633:ILU196633 IVH196633:IVQ196633 JFD196633:JFM196633 JOZ196633:JPI196633 JYV196633:JZE196633 KIR196633:KJA196633 KSN196633:KSW196633 LCJ196633:LCS196633 LMF196633:LMO196633 LWB196633:LWK196633 MFX196633:MGG196633 MPT196633:MQC196633 MZP196633:MZY196633 NJL196633:NJU196633 NTH196633:NTQ196633 ODD196633:ODM196633 OMZ196633:ONI196633 OWV196633:OXE196633 PGR196633:PHA196633 PQN196633:PQW196633 QAJ196633:QAS196633 QKF196633:QKO196633 QUB196633:QUK196633 RDX196633:REG196633 RNT196633:ROC196633 RXP196633:RXY196633 SHL196633:SHU196633 SRH196633:SRQ196633 TBD196633:TBM196633 TKZ196633:TLI196633 TUV196633:TVE196633 UER196633:UFA196633 UON196633:UOW196633 UYJ196633:UYS196633 VIF196633:VIO196633 VSB196633:VSK196633 WBX196633:WCG196633 WLT196633:WMC196633 WVP196633:WVY196633 H262169:Q262169 JD262169:JM262169 SZ262169:TI262169 ACV262169:ADE262169 AMR262169:ANA262169 AWN262169:AWW262169 BGJ262169:BGS262169 BQF262169:BQO262169 CAB262169:CAK262169 CJX262169:CKG262169 CTT262169:CUC262169 DDP262169:DDY262169 DNL262169:DNU262169 DXH262169:DXQ262169 EHD262169:EHM262169 EQZ262169:ERI262169 FAV262169:FBE262169 FKR262169:FLA262169 FUN262169:FUW262169 GEJ262169:GES262169 GOF262169:GOO262169 GYB262169:GYK262169 HHX262169:HIG262169 HRT262169:HSC262169 IBP262169:IBY262169 ILL262169:ILU262169 IVH262169:IVQ262169 JFD262169:JFM262169 JOZ262169:JPI262169 JYV262169:JZE262169 KIR262169:KJA262169 KSN262169:KSW262169 LCJ262169:LCS262169 LMF262169:LMO262169 LWB262169:LWK262169 MFX262169:MGG262169 MPT262169:MQC262169 MZP262169:MZY262169 NJL262169:NJU262169 NTH262169:NTQ262169 ODD262169:ODM262169 OMZ262169:ONI262169 OWV262169:OXE262169 PGR262169:PHA262169 PQN262169:PQW262169 QAJ262169:QAS262169 QKF262169:QKO262169 QUB262169:QUK262169 RDX262169:REG262169 RNT262169:ROC262169 RXP262169:RXY262169 SHL262169:SHU262169 SRH262169:SRQ262169 TBD262169:TBM262169 TKZ262169:TLI262169 TUV262169:TVE262169 UER262169:UFA262169 UON262169:UOW262169 UYJ262169:UYS262169 VIF262169:VIO262169 VSB262169:VSK262169 WBX262169:WCG262169 WLT262169:WMC262169 WVP262169:WVY262169 H327705:Q327705 JD327705:JM327705 SZ327705:TI327705 ACV327705:ADE327705 AMR327705:ANA327705 AWN327705:AWW327705 BGJ327705:BGS327705 BQF327705:BQO327705 CAB327705:CAK327705 CJX327705:CKG327705 CTT327705:CUC327705 DDP327705:DDY327705 DNL327705:DNU327705 DXH327705:DXQ327705 EHD327705:EHM327705 EQZ327705:ERI327705 FAV327705:FBE327705 FKR327705:FLA327705 FUN327705:FUW327705 GEJ327705:GES327705 GOF327705:GOO327705 GYB327705:GYK327705 HHX327705:HIG327705 HRT327705:HSC327705 IBP327705:IBY327705 ILL327705:ILU327705 IVH327705:IVQ327705 JFD327705:JFM327705 JOZ327705:JPI327705 JYV327705:JZE327705 KIR327705:KJA327705 KSN327705:KSW327705 LCJ327705:LCS327705 LMF327705:LMO327705 LWB327705:LWK327705 MFX327705:MGG327705 MPT327705:MQC327705 MZP327705:MZY327705 NJL327705:NJU327705 NTH327705:NTQ327705 ODD327705:ODM327705 OMZ327705:ONI327705 OWV327705:OXE327705 PGR327705:PHA327705 PQN327705:PQW327705 QAJ327705:QAS327705 QKF327705:QKO327705 QUB327705:QUK327705 RDX327705:REG327705 RNT327705:ROC327705 RXP327705:RXY327705 SHL327705:SHU327705 SRH327705:SRQ327705 TBD327705:TBM327705 TKZ327705:TLI327705 TUV327705:TVE327705 UER327705:UFA327705 UON327705:UOW327705 UYJ327705:UYS327705 VIF327705:VIO327705 VSB327705:VSK327705 WBX327705:WCG327705 WLT327705:WMC327705 WVP327705:WVY327705 H393241:Q393241 JD393241:JM393241 SZ393241:TI393241 ACV393241:ADE393241 AMR393241:ANA393241 AWN393241:AWW393241 BGJ393241:BGS393241 BQF393241:BQO393241 CAB393241:CAK393241 CJX393241:CKG393241 CTT393241:CUC393241 DDP393241:DDY393241 DNL393241:DNU393241 DXH393241:DXQ393241 EHD393241:EHM393241 EQZ393241:ERI393241 FAV393241:FBE393241 FKR393241:FLA393241 FUN393241:FUW393241 GEJ393241:GES393241 GOF393241:GOO393241 GYB393241:GYK393241 HHX393241:HIG393241 HRT393241:HSC393241 IBP393241:IBY393241 ILL393241:ILU393241 IVH393241:IVQ393241 JFD393241:JFM393241 JOZ393241:JPI393241 JYV393241:JZE393241 KIR393241:KJA393241 KSN393241:KSW393241 LCJ393241:LCS393241 LMF393241:LMO393241 LWB393241:LWK393241 MFX393241:MGG393241 MPT393241:MQC393241 MZP393241:MZY393241 NJL393241:NJU393241 NTH393241:NTQ393241 ODD393241:ODM393241 OMZ393241:ONI393241 OWV393241:OXE393241 PGR393241:PHA393241 PQN393241:PQW393241 QAJ393241:QAS393241 QKF393241:QKO393241 QUB393241:QUK393241 RDX393241:REG393241 RNT393241:ROC393241 RXP393241:RXY393241 SHL393241:SHU393241 SRH393241:SRQ393241 TBD393241:TBM393241 TKZ393241:TLI393241 TUV393241:TVE393241 UER393241:UFA393241 UON393241:UOW393241 UYJ393241:UYS393241 VIF393241:VIO393241 VSB393241:VSK393241 WBX393241:WCG393241 WLT393241:WMC393241 WVP393241:WVY393241 H458777:Q458777 JD458777:JM458777 SZ458777:TI458777 ACV458777:ADE458777 AMR458777:ANA458777 AWN458777:AWW458777 BGJ458777:BGS458777 BQF458777:BQO458777 CAB458777:CAK458777 CJX458777:CKG458777 CTT458777:CUC458777 DDP458777:DDY458777 DNL458777:DNU458777 DXH458777:DXQ458777 EHD458777:EHM458777 EQZ458777:ERI458777 FAV458777:FBE458777 FKR458777:FLA458777 FUN458777:FUW458777 GEJ458777:GES458777 GOF458777:GOO458777 GYB458777:GYK458777 HHX458777:HIG458777 HRT458777:HSC458777 IBP458777:IBY458777 ILL458777:ILU458777 IVH458777:IVQ458777 JFD458777:JFM458777 JOZ458777:JPI458777 JYV458777:JZE458777 KIR458777:KJA458777 KSN458777:KSW458777 LCJ458777:LCS458777 LMF458777:LMO458777 LWB458777:LWK458777 MFX458777:MGG458777 MPT458777:MQC458777 MZP458777:MZY458777 NJL458777:NJU458777 NTH458777:NTQ458777 ODD458777:ODM458777 OMZ458777:ONI458777 OWV458777:OXE458777 PGR458777:PHA458777 PQN458777:PQW458777 QAJ458777:QAS458777 QKF458777:QKO458777 QUB458777:QUK458777 RDX458777:REG458777 RNT458777:ROC458777 RXP458777:RXY458777 SHL458777:SHU458777 SRH458777:SRQ458777 TBD458777:TBM458777 TKZ458777:TLI458777 TUV458777:TVE458777 UER458777:UFA458777 UON458777:UOW458777 UYJ458777:UYS458777 VIF458777:VIO458777 VSB458777:VSK458777 WBX458777:WCG458777 WLT458777:WMC458777 WVP458777:WVY458777 H524313:Q524313 JD524313:JM524313 SZ524313:TI524313 ACV524313:ADE524313 AMR524313:ANA524313 AWN524313:AWW524313 BGJ524313:BGS524313 BQF524313:BQO524313 CAB524313:CAK524313 CJX524313:CKG524313 CTT524313:CUC524313 DDP524313:DDY524313 DNL524313:DNU524313 DXH524313:DXQ524313 EHD524313:EHM524313 EQZ524313:ERI524313 FAV524313:FBE524313 FKR524313:FLA524313 FUN524313:FUW524313 GEJ524313:GES524313 GOF524313:GOO524313 GYB524313:GYK524313 HHX524313:HIG524313 HRT524313:HSC524313 IBP524313:IBY524313 ILL524313:ILU524313 IVH524313:IVQ524313 JFD524313:JFM524313 JOZ524313:JPI524313 JYV524313:JZE524313 KIR524313:KJA524313 KSN524313:KSW524313 LCJ524313:LCS524313 LMF524313:LMO524313 LWB524313:LWK524313 MFX524313:MGG524313 MPT524313:MQC524313 MZP524313:MZY524313 NJL524313:NJU524313 NTH524313:NTQ524313 ODD524313:ODM524313 OMZ524313:ONI524313 OWV524313:OXE524313 PGR524313:PHA524313 PQN524313:PQW524313 QAJ524313:QAS524313 QKF524313:QKO524313 QUB524313:QUK524313 RDX524313:REG524313 RNT524313:ROC524313 RXP524313:RXY524313 SHL524313:SHU524313 SRH524313:SRQ524313 TBD524313:TBM524313 TKZ524313:TLI524313 TUV524313:TVE524313 UER524313:UFA524313 UON524313:UOW524313 UYJ524313:UYS524313 VIF524313:VIO524313 VSB524313:VSK524313 WBX524313:WCG524313 WLT524313:WMC524313 WVP524313:WVY524313 H589849:Q589849 JD589849:JM589849 SZ589849:TI589849 ACV589849:ADE589849 AMR589849:ANA589849 AWN589849:AWW589849 BGJ589849:BGS589849 BQF589849:BQO589849 CAB589849:CAK589849 CJX589849:CKG589849 CTT589849:CUC589849 DDP589849:DDY589849 DNL589849:DNU589849 DXH589849:DXQ589849 EHD589849:EHM589849 EQZ589849:ERI589849 FAV589849:FBE589849 FKR589849:FLA589849 FUN589849:FUW589849 GEJ589849:GES589849 GOF589849:GOO589849 GYB589849:GYK589849 HHX589849:HIG589849 HRT589849:HSC589849 IBP589849:IBY589849 ILL589849:ILU589849 IVH589849:IVQ589849 JFD589849:JFM589849 JOZ589849:JPI589849 JYV589849:JZE589849 KIR589849:KJA589849 KSN589849:KSW589849 LCJ589849:LCS589849 LMF589849:LMO589849 LWB589849:LWK589849 MFX589849:MGG589849 MPT589849:MQC589849 MZP589849:MZY589849 NJL589849:NJU589849 NTH589849:NTQ589849 ODD589849:ODM589849 OMZ589849:ONI589849 OWV589849:OXE589849 PGR589849:PHA589849 PQN589849:PQW589849 QAJ589849:QAS589849 QKF589849:QKO589849 QUB589849:QUK589849 RDX589849:REG589849 RNT589849:ROC589849 RXP589849:RXY589849 SHL589849:SHU589849 SRH589849:SRQ589849 TBD589849:TBM589849 TKZ589849:TLI589849 TUV589849:TVE589849 UER589849:UFA589849 UON589849:UOW589849 UYJ589849:UYS589849 VIF589849:VIO589849 VSB589849:VSK589849 WBX589849:WCG589849 WLT589849:WMC589849 WVP589849:WVY589849 H655385:Q655385 JD655385:JM655385 SZ655385:TI655385 ACV655385:ADE655385 AMR655385:ANA655385 AWN655385:AWW655385 BGJ655385:BGS655385 BQF655385:BQO655385 CAB655385:CAK655385 CJX655385:CKG655385 CTT655385:CUC655385 DDP655385:DDY655385 DNL655385:DNU655385 DXH655385:DXQ655385 EHD655385:EHM655385 EQZ655385:ERI655385 FAV655385:FBE655385 FKR655385:FLA655385 FUN655385:FUW655385 GEJ655385:GES655385 GOF655385:GOO655385 GYB655385:GYK655385 HHX655385:HIG655385 HRT655385:HSC655385 IBP655385:IBY655385 ILL655385:ILU655385 IVH655385:IVQ655385 JFD655385:JFM655385 JOZ655385:JPI655385 JYV655385:JZE655385 KIR655385:KJA655385 KSN655385:KSW655385 LCJ655385:LCS655385 LMF655385:LMO655385 LWB655385:LWK655385 MFX655385:MGG655385 MPT655385:MQC655385 MZP655385:MZY655385 NJL655385:NJU655385 NTH655385:NTQ655385 ODD655385:ODM655385 OMZ655385:ONI655385 OWV655385:OXE655385 PGR655385:PHA655385 PQN655385:PQW655385 QAJ655385:QAS655385 QKF655385:QKO655385 QUB655385:QUK655385 RDX655385:REG655385 RNT655385:ROC655385 RXP655385:RXY655385 SHL655385:SHU655385 SRH655385:SRQ655385 TBD655385:TBM655385 TKZ655385:TLI655385 TUV655385:TVE655385 UER655385:UFA655385 UON655385:UOW655385 UYJ655385:UYS655385 VIF655385:VIO655385 VSB655385:VSK655385 WBX655385:WCG655385 WLT655385:WMC655385 WVP655385:WVY655385 H720921:Q720921 JD720921:JM720921 SZ720921:TI720921 ACV720921:ADE720921 AMR720921:ANA720921 AWN720921:AWW720921 BGJ720921:BGS720921 BQF720921:BQO720921 CAB720921:CAK720921 CJX720921:CKG720921 CTT720921:CUC720921 DDP720921:DDY720921 DNL720921:DNU720921 DXH720921:DXQ720921 EHD720921:EHM720921 EQZ720921:ERI720921 FAV720921:FBE720921 FKR720921:FLA720921 FUN720921:FUW720921 GEJ720921:GES720921 GOF720921:GOO720921 GYB720921:GYK720921 HHX720921:HIG720921 HRT720921:HSC720921 IBP720921:IBY720921 ILL720921:ILU720921 IVH720921:IVQ720921 JFD720921:JFM720921 JOZ720921:JPI720921 JYV720921:JZE720921 KIR720921:KJA720921 KSN720921:KSW720921 LCJ720921:LCS720921 LMF720921:LMO720921 LWB720921:LWK720921 MFX720921:MGG720921 MPT720921:MQC720921 MZP720921:MZY720921 NJL720921:NJU720921 NTH720921:NTQ720921 ODD720921:ODM720921 OMZ720921:ONI720921 OWV720921:OXE720921 PGR720921:PHA720921 PQN720921:PQW720921 QAJ720921:QAS720921 QKF720921:QKO720921 QUB720921:QUK720921 RDX720921:REG720921 RNT720921:ROC720921 RXP720921:RXY720921 SHL720921:SHU720921 SRH720921:SRQ720921 TBD720921:TBM720921 TKZ720921:TLI720921 TUV720921:TVE720921 UER720921:UFA720921 UON720921:UOW720921 UYJ720921:UYS720921 VIF720921:VIO720921 VSB720921:VSK720921 WBX720921:WCG720921 WLT720921:WMC720921 WVP720921:WVY720921 H786457:Q786457 JD786457:JM786457 SZ786457:TI786457 ACV786457:ADE786457 AMR786457:ANA786457 AWN786457:AWW786457 BGJ786457:BGS786457 BQF786457:BQO786457 CAB786457:CAK786457 CJX786457:CKG786457 CTT786457:CUC786457 DDP786457:DDY786457 DNL786457:DNU786457 DXH786457:DXQ786457 EHD786457:EHM786457 EQZ786457:ERI786457 FAV786457:FBE786457 FKR786457:FLA786457 FUN786457:FUW786457 GEJ786457:GES786457 GOF786457:GOO786457 GYB786457:GYK786457 HHX786457:HIG786457 HRT786457:HSC786457 IBP786457:IBY786457 ILL786457:ILU786457 IVH786457:IVQ786457 JFD786457:JFM786457 JOZ786457:JPI786457 JYV786457:JZE786457 KIR786457:KJA786457 KSN786457:KSW786457 LCJ786457:LCS786457 LMF786457:LMO786457 LWB786457:LWK786457 MFX786457:MGG786457 MPT786457:MQC786457 MZP786457:MZY786457 NJL786457:NJU786457 NTH786457:NTQ786457 ODD786457:ODM786457 OMZ786457:ONI786457 OWV786457:OXE786457 PGR786457:PHA786457 PQN786457:PQW786457 QAJ786457:QAS786457 QKF786457:QKO786457 QUB786457:QUK786457 RDX786457:REG786457 RNT786457:ROC786457 RXP786457:RXY786457 SHL786457:SHU786457 SRH786457:SRQ786457 TBD786457:TBM786457 TKZ786457:TLI786457 TUV786457:TVE786457 UER786457:UFA786457 UON786457:UOW786457 UYJ786457:UYS786457 VIF786457:VIO786457 VSB786457:VSK786457 WBX786457:WCG786457 WLT786457:WMC786457 WVP786457:WVY786457 H851993:Q851993 JD851993:JM851993 SZ851993:TI851993 ACV851993:ADE851993 AMR851993:ANA851993 AWN851993:AWW851993 BGJ851993:BGS851993 BQF851993:BQO851993 CAB851993:CAK851993 CJX851993:CKG851993 CTT851993:CUC851993 DDP851993:DDY851993 DNL851993:DNU851993 DXH851993:DXQ851993 EHD851993:EHM851993 EQZ851993:ERI851993 FAV851993:FBE851993 FKR851993:FLA851993 FUN851993:FUW851993 GEJ851993:GES851993 GOF851993:GOO851993 GYB851993:GYK851993 HHX851993:HIG851993 HRT851993:HSC851993 IBP851993:IBY851993 ILL851993:ILU851993 IVH851993:IVQ851993 JFD851993:JFM851993 JOZ851993:JPI851993 JYV851993:JZE851993 KIR851993:KJA851993 KSN851993:KSW851993 LCJ851993:LCS851993 LMF851993:LMO851993 LWB851993:LWK851993 MFX851993:MGG851993 MPT851993:MQC851993 MZP851993:MZY851993 NJL851993:NJU851993 NTH851993:NTQ851993 ODD851993:ODM851993 OMZ851993:ONI851993 OWV851993:OXE851993 PGR851993:PHA851993 PQN851993:PQW851993 QAJ851993:QAS851993 QKF851993:QKO851993 QUB851993:QUK851993 RDX851993:REG851993 RNT851993:ROC851993 RXP851993:RXY851993 SHL851993:SHU851993 SRH851993:SRQ851993 TBD851993:TBM851993 TKZ851993:TLI851993 TUV851993:TVE851993 UER851993:UFA851993 UON851993:UOW851993 UYJ851993:UYS851993 VIF851993:VIO851993 VSB851993:VSK851993 WBX851993:WCG851993 WLT851993:WMC851993 WVP851993:WVY851993 H917529:Q917529 JD917529:JM917529 SZ917529:TI917529 ACV917529:ADE917529 AMR917529:ANA917529 AWN917529:AWW917529 BGJ917529:BGS917529 BQF917529:BQO917529 CAB917529:CAK917529 CJX917529:CKG917529 CTT917529:CUC917529 DDP917529:DDY917529 DNL917529:DNU917529 DXH917529:DXQ917529 EHD917529:EHM917529 EQZ917529:ERI917529 FAV917529:FBE917529 FKR917529:FLA917529 FUN917529:FUW917529 GEJ917529:GES917529 GOF917529:GOO917529 GYB917529:GYK917529 HHX917529:HIG917529 HRT917529:HSC917529 IBP917529:IBY917529 ILL917529:ILU917529 IVH917529:IVQ917529 JFD917529:JFM917529 JOZ917529:JPI917529 JYV917529:JZE917529 KIR917529:KJA917529 KSN917529:KSW917529 LCJ917529:LCS917529 LMF917529:LMO917529 LWB917529:LWK917529 MFX917529:MGG917529 MPT917529:MQC917529 MZP917529:MZY917529 NJL917529:NJU917529 NTH917529:NTQ917529 ODD917529:ODM917529 OMZ917529:ONI917529 OWV917529:OXE917529 PGR917529:PHA917529 PQN917529:PQW917529 QAJ917529:QAS917529 QKF917529:QKO917529 QUB917529:QUK917529 RDX917529:REG917529 RNT917529:ROC917529 RXP917529:RXY917529 SHL917529:SHU917529 SRH917529:SRQ917529 TBD917529:TBM917529 TKZ917529:TLI917529 TUV917529:TVE917529 UER917529:UFA917529 UON917529:UOW917529 UYJ917529:UYS917529 VIF917529:VIO917529 VSB917529:VSK917529 WBX917529:WCG917529 WLT917529:WMC917529 WVP917529:WVY917529 H983065:Q983065 JD983065:JM983065 SZ983065:TI983065 ACV983065:ADE983065 AMR983065:ANA983065 AWN983065:AWW983065 BGJ983065:BGS983065 BQF983065:BQO983065 CAB983065:CAK983065 CJX983065:CKG983065 CTT983065:CUC983065 DDP983065:DDY983065 DNL983065:DNU983065 DXH983065:DXQ983065 EHD983065:EHM983065 EQZ983065:ERI983065 FAV983065:FBE983065 FKR983065:FLA983065 FUN983065:FUW983065 GEJ983065:GES983065 GOF983065:GOO983065 GYB983065:GYK983065 HHX983065:HIG983065 HRT983065:HSC983065 IBP983065:IBY983065 ILL983065:ILU983065 IVH983065:IVQ983065 JFD983065:JFM983065 JOZ983065:JPI983065 JYV983065:JZE983065 KIR983065:KJA983065 KSN983065:KSW983065 LCJ983065:LCS983065 LMF983065:LMO983065 LWB983065:LWK983065 MFX983065:MGG983065 MPT983065:MQC983065 MZP983065:MZY983065 NJL983065:NJU983065 NTH983065:NTQ983065 ODD983065:ODM983065 OMZ983065:ONI983065 OWV983065:OXE983065 PGR983065:PHA983065 PQN983065:PQW983065 QAJ983065:QAS983065 QKF983065:QKO983065 QUB983065:QUK983065 RDX983065:REG983065 RNT983065:ROC983065 RXP983065:RXY983065 SHL983065:SHU983065 SRH983065:SRQ983065 TBD983065:TBM983065 TKZ983065:TLI983065 TUV983065:TVE983065 UER983065:UFA983065 UON983065:UOW983065 UYJ983065:UYS983065 VIF983065:VIO983065 VSB983065:VSK983065 WBX983065:WCG983065 WLT983065:WMC983065 WVP983065:WVY983065 H26:Q26 JD26:JM26 SZ26:TI26 ACV26:ADE26 AMR26:ANA26 AWN26:AWW26 BGJ26:BGS26 BQF26:BQO26 CAB26:CAK26 CJX26:CKG26 CTT26:CUC26 DDP26:DDY26 DNL26:DNU26 DXH26:DXQ26 EHD26:EHM26 EQZ26:ERI26 FAV26:FBE26 FKR26:FLA26 FUN26:FUW26 GEJ26:GES26 GOF26:GOO26 GYB26:GYK26 HHX26:HIG26 HRT26:HSC26 IBP26:IBY26 ILL26:ILU26 IVH26:IVQ26 JFD26:JFM26 JOZ26:JPI26 JYV26:JZE26 KIR26:KJA26 KSN26:KSW26 LCJ26:LCS26 LMF26:LMO26 LWB26:LWK26 MFX26:MGG26 MPT26:MQC26 MZP26:MZY26 NJL26:NJU26 NTH26:NTQ26 ODD26:ODM26 OMZ26:ONI26 OWV26:OXE26 PGR26:PHA26 PQN26:PQW26 QAJ26:QAS26 QKF26:QKO26 QUB26:QUK26 RDX26:REG26 RNT26:ROC26 RXP26:RXY26 SHL26:SHU26 SRH26:SRQ26 TBD26:TBM26 TKZ26:TLI26 TUV26:TVE26 UER26:UFA26 UON26:UOW26 UYJ26:UYS26 VIF26:VIO26 VSB26:VSK26 WBX26:WCG26 WLT26:WMC26 WVP26:WVY26 H65563:Q65563 JD65563:JM65563 SZ65563:TI65563 ACV65563:ADE65563 AMR65563:ANA65563 AWN65563:AWW65563 BGJ65563:BGS65563 BQF65563:BQO65563 CAB65563:CAK65563 CJX65563:CKG65563 CTT65563:CUC65563 DDP65563:DDY65563 DNL65563:DNU65563 DXH65563:DXQ65563 EHD65563:EHM65563 EQZ65563:ERI65563 FAV65563:FBE65563 FKR65563:FLA65563 FUN65563:FUW65563 GEJ65563:GES65563 GOF65563:GOO65563 GYB65563:GYK65563 HHX65563:HIG65563 HRT65563:HSC65563 IBP65563:IBY65563 ILL65563:ILU65563 IVH65563:IVQ65563 JFD65563:JFM65563 JOZ65563:JPI65563 JYV65563:JZE65563 KIR65563:KJA65563 KSN65563:KSW65563 LCJ65563:LCS65563 LMF65563:LMO65563 LWB65563:LWK65563 MFX65563:MGG65563 MPT65563:MQC65563 MZP65563:MZY65563 NJL65563:NJU65563 NTH65563:NTQ65563 ODD65563:ODM65563 OMZ65563:ONI65563 OWV65563:OXE65563 PGR65563:PHA65563 PQN65563:PQW65563 QAJ65563:QAS65563 QKF65563:QKO65563 QUB65563:QUK65563 RDX65563:REG65563 RNT65563:ROC65563 RXP65563:RXY65563 SHL65563:SHU65563 SRH65563:SRQ65563 TBD65563:TBM65563 TKZ65563:TLI65563 TUV65563:TVE65563 UER65563:UFA65563 UON65563:UOW65563 UYJ65563:UYS65563 VIF65563:VIO65563 VSB65563:VSK65563 WBX65563:WCG65563 WLT65563:WMC65563 WVP65563:WVY65563 H131099:Q131099 JD131099:JM131099 SZ131099:TI131099 ACV131099:ADE131099 AMR131099:ANA131099 AWN131099:AWW131099 BGJ131099:BGS131099 BQF131099:BQO131099 CAB131099:CAK131099 CJX131099:CKG131099 CTT131099:CUC131099 DDP131099:DDY131099 DNL131099:DNU131099 DXH131099:DXQ131099 EHD131099:EHM131099 EQZ131099:ERI131099 FAV131099:FBE131099 FKR131099:FLA131099 FUN131099:FUW131099 GEJ131099:GES131099 GOF131099:GOO131099 GYB131099:GYK131099 HHX131099:HIG131099 HRT131099:HSC131099 IBP131099:IBY131099 ILL131099:ILU131099 IVH131099:IVQ131099 JFD131099:JFM131099 JOZ131099:JPI131099 JYV131099:JZE131099 KIR131099:KJA131099 KSN131099:KSW131099 LCJ131099:LCS131099 LMF131099:LMO131099 LWB131099:LWK131099 MFX131099:MGG131099 MPT131099:MQC131099 MZP131099:MZY131099 NJL131099:NJU131099 NTH131099:NTQ131099 ODD131099:ODM131099 OMZ131099:ONI131099 OWV131099:OXE131099 PGR131099:PHA131099 PQN131099:PQW131099 QAJ131099:QAS131099 QKF131099:QKO131099 QUB131099:QUK131099 RDX131099:REG131099 RNT131099:ROC131099 RXP131099:RXY131099 SHL131099:SHU131099 SRH131099:SRQ131099 TBD131099:TBM131099 TKZ131099:TLI131099 TUV131099:TVE131099 UER131099:UFA131099 UON131099:UOW131099 UYJ131099:UYS131099 VIF131099:VIO131099 VSB131099:VSK131099 WBX131099:WCG131099 WLT131099:WMC131099 WVP131099:WVY131099 H196635:Q196635 JD196635:JM196635 SZ196635:TI196635 ACV196635:ADE196635 AMR196635:ANA196635 AWN196635:AWW196635 BGJ196635:BGS196635 BQF196635:BQO196635 CAB196635:CAK196635 CJX196635:CKG196635 CTT196635:CUC196635 DDP196635:DDY196635 DNL196635:DNU196635 DXH196635:DXQ196635 EHD196635:EHM196635 EQZ196635:ERI196635 FAV196635:FBE196635 FKR196635:FLA196635 FUN196635:FUW196635 GEJ196635:GES196635 GOF196635:GOO196635 GYB196635:GYK196635 HHX196635:HIG196635 HRT196635:HSC196635 IBP196635:IBY196635 ILL196635:ILU196635 IVH196635:IVQ196635 JFD196635:JFM196635 JOZ196635:JPI196635 JYV196635:JZE196635 KIR196635:KJA196635 KSN196635:KSW196635 LCJ196635:LCS196635 LMF196635:LMO196635 LWB196635:LWK196635 MFX196635:MGG196635 MPT196635:MQC196635 MZP196635:MZY196635 NJL196635:NJU196635 NTH196635:NTQ196635 ODD196635:ODM196635 OMZ196635:ONI196635 OWV196635:OXE196635 PGR196635:PHA196635 PQN196635:PQW196635 QAJ196635:QAS196635 QKF196635:QKO196635 QUB196635:QUK196635 RDX196635:REG196635 RNT196635:ROC196635 RXP196635:RXY196635 SHL196635:SHU196635 SRH196635:SRQ196635 TBD196635:TBM196635 TKZ196635:TLI196635 TUV196635:TVE196635 UER196635:UFA196635 UON196635:UOW196635 UYJ196635:UYS196635 VIF196635:VIO196635 VSB196635:VSK196635 WBX196635:WCG196635 WLT196635:WMC196635 WVP196635:WVY196635 H262171:Q262171 JD262171:JM262171 SZ262171:TI262171 ACV262171:ADE262171 AMR262171:ANA262171 AWN262171:AWW262171 BGJ262171:BGS262171 BQF262171:BQO262171 CAB262171:CAK262171 CJX262171:CKG262171 CTT262171:CUC262171 DDP262171:DDY262171 DNL262171:DNU262171 DXH262171:DXQ262171 EHD262171:EHM262171 EQZ262171:ERI262171 FAV262171:FBE262171 FKR262171:FLA262171 FUN262171:FUW262171 GEJ262171:GES262171 GOF262171:GOO262171 GYB262171:GYK262171 HHX262171:HIG262171 HRT262171:HSC262171 IBP262171:IBY262171 ILL262171:ILU262171 IVH262171:IVQ262171 JFD262171:JFM262171 JOZ262171:JPI262171 JYV262171:JZE262171 KIR262171:KJA262171 KSN262171:KSW262171 LCJ262171:LCS262171 LMF262171:LMO262171 LWB262171:LWK262171 MFX262171:MGG262171 MPT262171:MQC262171 MZP262171:MZY262171 NJL262171:NJU262171 NTH262171:NTQ262171 ODD262171:ODM262171 OMZ262171:ONI262171 OWV262171:OXE262171 PGR262171:PHA262171 PQN262171:PQW262171 QAJ262171:QAS262171 QKF262171:QKO262171 QUB262171:QUK262171 RDX262171:REG262171 RNT262171:ROC262171 RXP262171:RXY262171 SHL262171:SHU262171 SRH262171:SRQ262171 TBD262171:TBM262171 TKZ262171:TLI262171 TUV262171:TVE262171 UER262171:UFA262171 UON262171:UOW262171 UYJ262171:UYS262171 VIF262171:VIO262171 VSB262171:VSK262171 WBX262171:WCG262171 WLT262171:WMC262171 WVP262171:WVY262171 H327707:Q327707 JD327707:JM327707 SZ327707:TI327707 ACV327707:ADE327707 AMR327707:ANA327707 AWN327707:AWW327707 BGJ327707:BGS327707 BQF327707:BQO327707 CAB327707:CAK327707 CJX327707:CKG327707 CTT327707:CUC327707 DDP327707:DDY327707 DNL327707:DNU327707 DXH327707:DXQ327707 EHD327707:EHM327707 EQZ327707:ERI327707 FAV327707:FBE327707 FKR327707:FLA327707 FUN327707:FUW327707 GEJ327707:GES327707 GOF327707:GOO327707 GYB327707:GYK327707 HHX327707:HIG327707 HRT327707:HSC327707 IBP327707:IBY327707 ILL327707:ILU327707 IVH327707:IVQ327707 JFD327707:JFM327707 JOZ327707:JPI327707 JYV327707:JZE327707 KIR327707:KJA327707 KSN327707:KSW327707 LCJ327707:LCS327707 LMF327707:LMO327707 LWB327707:LWK327707 MFX327707:MGG327707 MPT327707:MQC327707 MZP327707:MZY327707 NJL327707:NJU327707 NTH327707:NTQ327707 ODD327707:ODM327707 OMZ327707:ONI327707 OWV327707:OXE327707 PGR327707:PHA327707 PQN327707:PQW327707 QAJ327707:QAS327707 QKF327707:QKO327707 QUB327707:QUK327707 RDX327707:REG327707 RNT327707:ROC327707 RXP327707:RXY327707 SHL327707:SHU327707 SRH327707:SRQ327707 TBD327707:TBM327707 TKZ327707:TLI327707 TUV327707:TVE327707 UER327707:UFA327707 UON327707:UOW327707 UYJ327707:UYS327707 VIF327707:VIO327707 VSB327707:VSK327707 WBX327707:WCG327707 WLT327707:WMC327707 WVP327707:WVY327707 H393243:Q393243 JD393243:JM393243 SZ393243:TI393243 ACV393243:ADE393243 AMR393243:ANA393243 AWN393243:AWW393243 BGJ393243:BGS393243 BQF393243:BQO393243 CAB393243:CAK393243 CJX393243:CKG393243 CTT393243:CUC393243 DDP393243:DDY393243 DNL393243:DNU393243 DXH393243:DXQ393243 EHD393243:EHM393243 EQZ393243:ERI393243 FAV393243:FBE393243 FKR393243:FLA393243 FUN393243:FUW393243 GEJ393243:GES393243 GOF393243:GOO393243 GYB393243:GYK393243 HHX393243:HIG393243 HRT393243:HSC393243 IBP393243:IBY393243 ILL393243:ILU393243 IVH393243:IVQ393243 JFD393243:JFM393243 JOZ393243:JPI393243 JYV393243:JZE393243 KIR393243:KJA393243 KSN393243:KSW393243 LCJ393243:LCS393243 LMF393243:LMO393243 LWB393243:LWK393243 MFX393243:MGG393243 MPT393243:MQC393243 MZP393243:MZY393243 NJL393243:NJU393243 NTH393243:NTQ393243 ODD393243:ODM393243 OMZ393243:ONI393243 OWV393243:OXE393243 PGR393243:PHA393243 PQN393243:PQW393243 QAJ393243:QAS393243 QKF393243:QKO393243 QUB393243:QUK393243 RDX393243:REG393243 RNT393243:ROC393243 RXP393243:RXY393243 SHL393243:SHU393243 SRH393243:SRQ393243 TBD393243:TBM393243 TKZ393243:TLI393243 TUV393243:TVE393243 UER393243:UFA393243 UON393243:UOW393243 UYJ393243:UYS393243 VIF393243:VIO393243 VSB393243:VSK393243 WBX393243:WCG393243 WLT393243:WMC393243 WVP393243:WVY393243 H458779:Q458779 JD458779:JM458779 SZ458779:TI458779 ACV458779:ADE458779 AMR458779:ANA458779 AWN458779:AWW458779 BGJ458779:BGS458779 BQF458779:BQO458779 CAB458779:CAK458779 CJX458779:CKG458779 CTT458779:CUC458779 DDP458779:DDY458779 DNL458779:DNU458779 DXH458779:DXQ458779 EHD458779:EHM458779 EQZ458779:ERI458779 FAV458779:FBE458779 FKR458779:FLA458779 FUN458779:FUW458779 GEJ458779:GES458779 GOF458779:GOO458779 GYB458779:GYK458779 HHX458779:HIG458779 HRT458779:HSC458779 IBP458779:IBY458779 ILL458779:ILU458779 IVH458779:IVQ458779 JFD458779:JFM458779 JOZ458779:JPI458779 JYV458779:JZE458779 KIR458779:KJA458779 KSN458779:KSW458779 LCJ458779:LCS458779 LMF458779:LMO458779 LWB458779:LWK458779 MFX458779:MGG458779 MPT458779:MQC458779 MZP458779:MZY458779 NJL458779:NJU458779 NTH458779:NTQ458779 ODD458779:ODM458779 OMZ458779:ONI458779 OWV458779:OXE458779 PGR458779:PHA458779 PQN458779:PQW458779 QAJ458779:QAS458779 QKF458779:QKO458779 QUB458779:QUK458779 RDX458779:REG458779 RNT458779:ROC458779 RXP458779:RXY458779 SHL458779:SHU458779 SRH458779:SRQ458779 TBD458779:TBM458779 TKZ458779:TLI458779 TUV458779:TVE458779 UER458779:UFA458779 UON458779:UOW458779 UYJ458779:UYS458779 VIF458779:VIO458779 VSB458779:VSK458779 WBX458779:WCG458779 WLT458779:WMC458779 WVP458779:WVY458779 H524315:Q524315 JD524315:JM524315 SZ524315:TI524315 ACV524315:ADE524315 AMR524315:ANA524315 AWN524315:AWW524315 BGJ524315:BGS524315 BQF524315:BQO524315 CAB524315:CAK524315 CJX524315:CKG524315 CTT524315:CUC524315 DDP524315:DDY524315 DNL524315:DNU524315 DXH524315:DXQ524315 EHD524315:EHM524315 EQZ524315:ERI524315 FAV524315:FBE524315 FKR524315:FLA524315 FUN524315:FUW524315 GEJ524315:GES524315 GOF524315:GOO524315 GYB524315:GYK524315 HHX524315:HIG524315 HRT524315:HSC524315 IBP524315:IBY524315 ILL524315:ILU524315 IVH524315:IVQ524315 JFD524315:JFM524315 JOZ524315:JPI524315 JYV524315:JZE524315 KIR524315:KJA524315 KSN524315:KSW524315 LCJ524315:LCS524315 LMF524315:LMO524315 LWB524315:LWK524315 MFX524315:MGG524315 MPT524315:MQC524315 MZP524315:MZY524315 NJL524315:NJU524315 NTH524315:NTQ524315 ODD524315:ODM524315 OMZ524315:ONI524315 OWV524315:OXE524315 PGR524315:PHA524315 PQN524315:PQW524315 QAJ524315:QAS524315 QKF524315:QKO524315 QUB524315:QUK524315 RDX524315:REG524315 RNT524315:ROC524315 RXP524315:RXY524315 SHL524315:SHU524315 SRH524315:SRQ524315 TBD524315:TBM524315 TKZ524315:TLI524315 TUV524315:TVE524315 UER524315:UFA524315 UON524315:UOW524315 UYJ524315:UYS524315 VIF524315:VIO524315 VSB524315:VSK524315 WBX524315:WCG524315 WLT524315:WMC524315 WVP524315:WVY524315 H589851:Q589851 JD589851:JM589851 SZ589851:TI589851 ACV589851:ADE589851 AMR589851:ANA589851 AWN589851:AWW589851 BGJ589851:BGS589851 BQF589851:BQO589851 CAB589851:CAK589851 CJX589851:CKG589851 CTT589851:CUC589851 DDP589851:DDY589851 DNL589851:DNU589851 DXH589851:DXQ589851 EHD589851:EHM589851 EQZ589851:ERI589851 FAV589851:FBE589851 FKR589851:FLA589851 FUN589851:FUW589851 GEJ589851:GES589851 GOF589851:GOO589851 GYB589851:GYK589851 HHX589851:HIG589851 HRT589851:HSC589851 IBP589851:IBY589851 ILL589851:ILU589851 IVH589851:IVQ589851 JFD589851:JFM589851 JOZ589851:JPI589851 JYV589851:JZE589851 KIR589851:KJA589851 KSN589851:KSW589851 LCJ589851:LCS589851 LMF589851:LMO589851 LWB589851:LWK589851 MFX589851:MGG589851 MPT589851:MQC589851 MZP589851:MZY589851 NJL589851:NJU589851 NTH589851:NTQ589851 ODD589851:ODM589851 OMZ589851:ONI589851 OWV589851:OXE589851 PGR589851:PHA589851 PQN589851:PQW589851 QAJ589851:QAS589851 QKF589851:QKO589851 QUB589851:QUK589851 RDX589851:REG589851 RNT589851:ROC589851 RXP589851:RXY589851 SHL589851:SHU589851 SRH589851:SRQ589851 TBD589851:TBM589851 TKZ589851:TLI589851 TUV589851:TVE589851 UER589851:UFA589851 UON589851:UOW589851 UYJ589851:UYS589851 VIF589851:VIO589851 VSB589851:VSK589851 WBX589851:WCG589851 WLT589851:WMC589851 WVP589851:WVY589851 H655387:Q655387 JD655387:JM655387 SZ655387:TI655387 ACV655387:ADE655387 AMR655387:ANA655387 AWN655387:AWW655387 BGJ655387:BGS655387 BQF655387:BQO655387 CAB655387:CAK655387 CJX655387:CKG655387 CTT655387:CUC655387 DDP655387:DDY655387 DNL655387:DNU655387 DXH655387:DXQ655387 EHD655387:EHM655387 EQZ655387:ERI655387 FAV655387:FBE655387 FKR655387:FLA655387 FUN655387:FUW655387 GEJ655387:GES655387 GOF655387:GOO655387 GYB655387:GYK655387 HHX655387:HIG655387 HRT655387:HSC655387 IBP655387:IBY655387 ILL655387:ILU655387 IVH655387:IVQ655387 JFD655387:JFM655387 JOZ655387:JPI655387 JYV655387:JZE655387 KIR655387:KJA655387 KSN655387:KSW655387 LCJ655387:LCS655387 LMF655387:LMO655387 LWB655387:LWK655387 MFX655387:MGG655387 MPT655387:MQC655387 MZP655387:MZY655387 NJL655387:NJU655387 NTH655387:NTQ655387 ODD655387:ODM655387 OMZ655387:ONI655387 OWV655387:OXE655387 PGR655387:PHA655387 PQN655387:PQW655387 QAJ655387:QAS655387 QKF655387:QKO655387 QUB655387:QUK655387 RDX655387:REG655387 RNT655387:ROC655387 RXP655387:RXY655387 SHL655387:SHU655387 SRH655387:SRQ655387 TBD655387:TBM655387 TKZ655387:TLI655387 TUV655387:TVE655387 UER655387:UFA655387 UON655387:UOW655387 UYJ655387:UYS655387 VIF655387:VIO655387 VSB655387:VSK655387 WBX655387:WCG655387 WLT655387:WMC655387 WVP655387:WVY655387 H720923:Q720923 JD720923:JM720923 SZ720923:TI720923 ACV720923:ADE720923 AMR720923:ANA720923 AWN720923:AWW720923 BGJ720923:BGS720923 BQF720923:BQO720923 CAB720923:CAK720923 CJX720923:CKG720923 CTT720923:CUC720923 DDP720923:DDY720923 DNL720923:DNU720923 DXH720923:DXQ720923 EHD720923:EHM720923 EQZ720923:ERI720923 FAV720923:FBE720923 FKR720923:FLA720923 FUN720923:FUW720923 GEJ720923:GES720923 GOF720923:GOO720923 GYB720923:GYK720923 HHX720923:HIG720923 HRT720923:HSC720923 IBP720923:IBY720923 ILL720923:ILU720923 IVH720923:IVQ720923 JFD720923:JFM720923 JOZ720923:JPI720923 JYV720923:JZE720923 KIR720923:KJA720923 KSN720923:KSW720923 LCJ720923:LCS720923 LMF720923:LMO720923 LWB720923:LWK720923 MFX720923:MGG720923 MPT720923:MQC720923 MZP720923:MZY720923 NJL720923:NJU720923 NTH720923:NTQ720923 ODD720923:ODM720923 OMZ720923:ONI720923 OWV720923:OXE720923 PGR720923:PHA720923 PQN720923:PQW720923 QAJ720923:QAS720923 QKF720923:QKO720923 QUB720923:QUK720923 RDX720923:REG720923 RNT720923:ROC720923 RXP720923:RXY720923 SHL720923:SHU720923 SRH720923:SRQ720923 TBD720923:TBM720923 TKZ720923:TLI720923 TUV720923:TVE720923 UER720923:UFA720923 UON720923:UOW720923 UYJ720923:UYS720923 VIF720923:VIO720923 VSB720923:VSK720923 WBX720923:WCG720923 WLT720923:WMC720923 WVP720923:WVY720923 H786459:Q786459 JD786459:JM786459 SZ786459:TI786459 ACV786459:ADE786459 AMR786459:ANA786459 AWN786459:AWW786459 BGJ786459:BGS786459 BQF786459:BQO786459 CAB786459:CAK786459 CJX786459:CKG786459 CTT786459:CUC786459 DDP786459:DDY786459 DNL786459:DNU786459 DXH786459:DXQ786459 EHD786459:EHM786459 EQZ786459:ERI786459 FAV786459:FBE786459 FKR786459:FLA786459 FUN786459:FUW786459 GEJ786459:GES786459 GOF786459:GOO786459 GYB786459:GYK786459 HHX786459:HIG786459 HRT786459:HSC786459 IBP786459:IBY786459 ILL786459:ILU786459 IVH786459:IVQ786459 JFD786459:JFM786459 JOZ786459:JPI786459 JYV786459:JZE786459 KIR786459:KJA786459 KSN786459:KSW786459 LCJ786459:LCS786459 LMF786459:LMO786459 LWB786459:LWK786459 MFX786459:MGG786459 MPT786459:MQC786459 MZP786459:MZY786459 NJL786459:NJU786459 NTH786459:NTQ786459 ODD786459:ODM786459 OMZ786459:ONI786459 OWV786459:OXE786459 PGR786459:PHA786459 PQN786459:PQW786459 QAJ786459:QAS786459 QKF786459:QKO786459 QUB786459:QUK786459 RDX786459:REG786459 RNT786459:ROC786459 RXP786459:RXY786459 SHL786459:SHU786459 SRH786459:SRQ786459 TBD786459:TBM786459 TKZ786459:TLI786459 TUV786459:TVE786459 UER786459:UFA786459 UON786459:UOW786459 UYJ786459:UYS786459 VIF786459:VIO786459 VSB786459:VSK786459 WBX786459:WCG786459 WLT786459:WMC786459 WVP786459:WVY786459 H851995:Q851995 JD851995:JM851995 SZ851995:TI851995 ACV851995:ADE851995 AMR851995:ANA851995 AWN851995:AWW851995 BGJ851995:BGS851995 BQF851995:BQO851995 CAB851995:CAK851995 CJX851995:CKG851995 CTT851995:CUC851995 DDP851995:DDY851995 DNL851995:DNU851995 DXH851995:DXQ851995 EHD851995:EHM851995 EQZ851995:ERI851995 FAV851995:FBE851995 FKR851995:FLA851995 FUN851995:FUW851995 GEJ851995:GES851995 GOF851995:GOO851995 GYB851995:GYK851995 HHX851995:HIG851995 HRT851995:HSC851995 IBP851995:IBY851995 ILL851995:ILU851995 IVH851995:IVQ851995 JFD851995:JFM851995 JOZ851995:JPI851995 JYV851995:JZE851995 KIR851995:KJA851995 KSN851995:KSW851995 LCJ851995:LCS851995 LMF851995:LMO851995 LWB851995:LWK851995 MFX851995:MGG851995 MPT851995:MQC851995 MZP851995:MZY851995 NJL851995:NJU851995 NTH851995:NTQ851995 ODD851995:ODM851995 OMZ851995:ONI851995 OWV851995:OXE851995 PGR851995:PHA851995 PQN851995:PQW851995 QAJ851995:QAS851995 QKF851995:QKO851995 QUB851995:QUK851995 RDX851995:REG851995 RNT851995:ROC851995 RXP851995:RXY851995 SHL851995:SHU851995 SRH851995:SRQ851995 TBD851995:TBM851995 TKZ851995:TLI851995 TUV851995:TVE851995 UER851995:UFA851995 UON851995:UOW851995 UYJ851995:UYS851995 VIF851995:VIO851995 VSB851995:VSK851995 WBX851995:WCG851995 WLT851995:WMC851995 WVP851995:WVY851995 H917531:Q917531 JD917531:JM917531 SZ917531:TI917531 ACV917531:ADE917531 AMR917531:ANA917531 AWN917531:AWW917531 BGJ917531:BGS917531 BQF917531:BQO917531 CAB917531:CAK917531 CJX917531:CKG917531 CTT917531:CUC917531 DDP917531:DDY917531 DNL917531:DNU917531 DXH917531:DXQ917531 EHD917531:EHM917531 EQZ917531:ERI917531 FAV917531:FBE917531 FKR917531:FLA917531 FUN917531:FUW917531 GEJ917531:GES917531 GOF917531:GOO917531 GYB917531:GYK917531 HHX917531:HIG917531 HRT917531:HSC917531 IBP917531:IBY917531 ILL917531:ILU917531 IVH917531:IVQ917531 JFD917531:JFM917531 JOZ917531:JPI917531 JYV917531:JZE917531 KIR917531:KJA917531 KSN917531:KSW917531 LCJ917531:LCS917531 LMF917531:LMO917531 LWB917531:LWK917531 MFX917531:MGG917531 MPT917531:MQC917531 MZP917531:MZY917531 NJL917531:NJU917531 NTH917531:NTQ917531 ODD917531:ODM917531 OMZ917531:ONI917531 OWV917531:OXE917531 PGR917531:PHA917531 PQN917531:PQW917531 QAJ917531:QAS917531 QKF917531:QKO917531 QUB917531:QUK917531 RDX917531:REG917531 RNT917531:ROC917531 RXP917531:RXY917531 SHL917531:SHU917531 SRH917531:SRQ917531 TBD917531:TBM917531 TKZ917531:TLI917531 TUV917531:TVE917531 UER917531:UFA917531 UON917531:UOW917531 UYJ917531:UYS917531 VIF917531:VIO917531 VSB917531:VSK917531 WBX917531:WCG917531 WLT917531:WMC917531 WVP917531:WVY917531 H983067:Q983067 JD983067:JM983067 SZ983067:TI983067 ACV983067:ADE983067 AMR983067:ANA983067 AWN983067:AWW983067 BGJ983067:BGS983067 BQF983067:BQO983067 CAB983067:CAK983067 CJX983067:CKG983067 CTT983067:CUC983067 DDP983067:DDY983067 DNL983067:DNU983067 DXH983067:DXQ983067 EHD983067:EHM983067 EQZ983067:ERI983067 FAV983067:FBE983067 FKR983067:FLA983067 FUN983067:FUW983067 GEJ983067:GES983067 GOF983067:GOO983067 GYB983067:GYK983067 HHX983067:HIG983067 HRT983067:HSC983067 IBP983067:IBY983067 ILL983067:ILU983067 IVH983067:IVQ983067 JFD983067:JFM983067 JOZ983067:JPI983067 JYV983067:JZE983067 KIR983067:KJA983067 KSN983067:KSW983067 LCJ983067:LCS983067 LMF983067:LMO983067 LWB983067:LWK983067 MFX983067:MGG983067 MPT983067:MQC983067 MZP983067:MZY983067 NJL983067:NJU983067 NTH983067:NTQ983067 ODD983067:ODM983067 OMZ983067:ONI983067 OWV983067:OXE983067 PGR983067:PHA983067 PQN983067:PQW983067 QAJ983067:QAS983067 QKF983067:QKO983067 QUB983067:QUK983067 RDX983067:REG983067 RNT983067:ROC983067 RXP983067:RXY983067 SHL983067:SHU983067 SRH983067:SRQ983067 TBD983067:TBM983067 TKZ983067:TLI983067 TUV983067:TVE983067 UER983067:UFA983067 UON983067:UOW983067 UYJ983067:UYS983067 VIF983067:VIO983067 VSB983067:VSK983067 WBX983067:WCG983067 WLT983067:WMC983067 WVP983067:WVY983067 H28:Q28 JD28:JM28 SZ28:TI28 ACV28:ADE28 AMR28:ANA28 AWN28:AWW28 BGJ28:BGS28 BQF28:BQO28 CAB28:CAK28 CJX28:CKG28 CTT28:CUC28 DDP28:DDY28 DNL28:DNU28 DXH28:DXQ28 EHD28:EHM28 EQZ28:ERI28 FAV28:FBE28 FKR28:FLA28 FUN28:FUW28 GEJ28:GES28 GOF28:GOO28 GYB28:GYK28 HHX28:HIG28 HRT28:HSC28 IBP28:IBY28 ILL28:ILU28 IVH28:IVQ28 JFD28:JFM28 JOZ28:JPI28 JYV28:JZE28 KIR28:KJA28 KSN28:KSW28 LCJ28:LCS28 LMF28:LMO28 LWB28:LWK28 MFX28:MGG28 MPT28:MQC28 MZP28:MZY28 NJL28:NJU28 NTH28:NTQ28 ODD28:ODM28 OMZ28:ONI28 OWV28:OXE28 PGR28:PHA28 PQN28:PQW28 QAJ28:QAS28 QKF28:QKO28 QUB28:QUK28 RDX28:REG28 RNT28:ROC28 RXP28:RXY28 SHL28:SHU28 SRH28:SRQ28 TBD28:TBM28 TKZ28:TLI28 TUV28:TVE28 UER28:UFA28 UON28:UOW28 UYJ28:UYS28 VIF28:VIO28 VSB28:VSK28 WBX28:WCG28 WLT28:WMC28 WVP28:WVY28 H65565:Q65565 JD65565:JM65565 SZ65565:TI65565 ACV65565:ADE65565 AMR65565:ANA65565 AWN65565:AWW65565 BGJ65565:BGS65565 BQF65565:BQO65565 CAB65565:CAK65565 CJX65565:CKG65565 CTT65565:CUC65565 DDP65565:DDY65565 DNL65565:DNU65565 DXH65565:DXQ65565 EHD65565:EHM65565 EQZ65565:ERI65565 FAV65565:FBE65565 FKR65565:FLA65565 FUN65565:FUW65565 GEJ65565:GES65565 GOF65565:GOO65565 GYB65565:GYK65565 HHX65565:HIG65565 HRT65565:HSC65565 IBP65565:IBY65565 ILL65565:ILU65565 IVH65565:IVQ65565 JFD65565:JFM65565 JOZ65565:JPI65565 JYV65565:JZE65565 KIR65565:KJA65565 KSN65565:KSW65565 LCJ65565:LCS65565 LMF65565:LMO65565 LWB65565:LWK65565 MFX65565:MGG65565 MPT65565:MQC65565 MZP65565:MZY65565 NJL65565:NJU65565 NTH65565:NTQ65565 ODD65565:ODM65565 OMZ65565:ONI65565 OWV65565:OXE65565 PGR65565:PHA65565 PQN65565:PQW65565 QAJ65565:QAS65565 QKF65565:QKO65565 QUB65565:QUK65565 RDX65565:REG65565 RNT65565:ROC65565 RXP65565:RXY65565 SHL65565:SHU65565 SRH65565:SRQ65565 TBD65565:TBM65565 TKZ65565:TLI65565 TUV65565:TVE65565 UER65565:UFA65565 UON65565:UOW65565 UYJ65565:UYS65565 VIF65565:VIO65565 VSB65565:VSK65565 WBX65565:WCG65565 WLT65565:WMC65565 WVP65565:WVY65565 H131101:Q131101 JD131101:JM131101 SZ131101:TI131101 ACV131101:ADE131101 AMR131101:ANA131101 AWN131101:AWW131101 BGJ131101:BGS131101 BQF131101:BQO131101 CAB131101:CAK131101 CJX131101:CKG131101 CTT131101:CUC131101 DDP131101:DDY131101 DNL131101:DNU131101 DXH131101:DXQ131101 EHD131101:EHM131101 EQZ131101:ERI131101 FAV131101:FBE131101 FKR131101:FLA131101 FUN131101:FUW131101 GEJ131101:GES131101 GOF131101:GOO131101 GYB131101:GYK131101 HHX131101:HIG131101 HRT131101:HSC131101 IBP131101:IBY131101 ILL131101:ILU131101 IVH131101:IVQ131101 JFD131101:JFM131101 JOZ131101:JPI131101 JYV131101:JZE131101 KIR131101:KJA131101 KSN131101:KSW131101 LCJ131101:LCS131101 LMF131101:LMO131101 LWB131101:LWK131101 MFX131101:MGG131101 MPT131101:MQC131101 MZP131101:MZY131101 NJL131101:NJU131101 NTH131101:NTQ131101 ODD131101:ODM131101 OMZ131101:ONI131101 OWV131101:OXE131101 PGR131101:PHA131101 PQN131101:PQW131101 QAJ131101:QAS131101 QKF131101:QKO131101 QUB131101:QUK131101 RDX131101:REG131101 RNT131101:ROC131101 RXP131101:RXY131101 SHL131101:SHU131101 SRH131101:SRQ131101 TBD131101:TBM131101 TKZ131101:TLI131101 TUV131101:TVE131101 UER131101:UFA131101 UON131101:UOW131101 UYJ131101:UYS131101 VIF131101:VIO131101 VSB131101:VSK131101 WBX131101:WCG131101 WLT131101:WMC131101 WVP131101:WVY131101 H196637:Q196637 JD196637:JM196637 SZ196637:TI196637 ACV196637:ADE196637 AMR196637:ANA196637 AWN196637:AWW196637 BGJ196637:BGS196637 BQF196637:BQO196637 CAB196637:CAK196637 CJX196637:CKG196637 CTT196637:CUC196637 DDP196637:DDY196637 DNL196637:DNU196637 DXH196637:DXQ196637 EHD196637:EHM196637 EQZ196637:ERI196637 FAV196637:FBE196637 FKR196637:FLA196637 FUN196637:FUW196637 GEJ196637:GES196637 GOF196637:GOO196637 GYB196637:GYK196637 HHX196637:HIG196637 HRT196637:HSC196637 IBP196637:IBY196637 ILL196637:ILU196637 IVH196637:IVQ196637 JFD196637:JFM196637 JOZ196637:JPI196637 JYV196637:JZE196637 KIR196637:KJA196637 KSN196637:KSW196637 LCJ196637:LCS196637 LMF196637:LMO196637 LWB196637:LWK196637 MFX196637:MGG196637 MPT196637:MQC196637 MZP196637:MZY196637 NJL196637:NJU196637 NTH196637:NTQ196637 ODD196637:ODM196637 OMZ196637:ONI196637 OWV196637:OXE196637 PGR196637:PHA196637 PQN196637:PQW196637 QAJ196637:QAS196637 QKF196637:QKO196637 QUB196637:QUK196637 RDX196637:REG196637 RNT196637:ROC196637 RXP196637:RXY196637 SHL196637:SHU196637 SRH196637:SRQ196637 TBD196637:TBM196637 TKZ196637:TLI196637 TUV196637:TVE196637 UER196637:UFA196637 UON196637:UOW196637 UYJ196637:UYS196637 VIF196637:VIO196637 VSB196637:VSK196637 WBX196637:WCG196637 WLT196637:WMC196637 WVP196637:WVY196637 H262173:Q262173 JD262173:JM262173 SZ262173:TI262173 ACV262173:ADE262173 AMR262173:ANA262173 AWN262173:AWW262173 BGJ262173:BGS262173 BQF262173:BQO262173 CAB262173:CAK262173 CJX262173:CKG262173 CTT262173:CUC262173 DDP262173:DDY262173 DNL262173:DNU262173 DXH262173:DXQ262173 EHD262173:EHM262173 EQZ262173:ERI262173 FAV262173:FBE262173 FKR262173:FLA262173 FUN262173:FUW262173 GEJ262173:GES262173 GOF262173:GOO262173 GYB262173:GYK262173 HHX262173:HIG262173 HRT262173:HSC262173 IBP262173:IBY262173 ILL262173:ILU262173 IVH262173:IVQ262173 JFD262173:JFM262173 JOZ262173:JPI262173 JYV262173:JZE262173 KIR262173:KJA262173 KSN262173:KSW262173 LCJ262173:LCS262173 LMF262173:LMO262173 LWB262173:LWK262173 MFX262173:MGG262173 MPT262173:MQC262173 MZP262173:MZY262173 NJL262173:NJU262173 NTH262173:NTQ262173 ODD262173:ODM262173 OMZ262173:ONI262173 OWV262173:OXE262173 PGR262173:PHA262173 PQN262173:PQW262173 QAJ262173:QAS262173 QKF262173:QKO262173 QUB262173:QUK262173 RDX262173:REG262173 RNT262173:ROC262173 RXP262173:RXY262173 SHL262173:SHU262173 SRH262173:SRQ262173 TBD262173:TBM262173 TKZ262173:TLI262173 TUV262173:TVE262173 UER262173:UFA262173 UON262173:UOW262173 UYJ262173:UYS262173 VIF262173:VIO262173 VSB262173:VSK262173 WBX262173:WCG262173 WLT262173:WMC262173 WVP262173:WVY262173 H327709:Q327709 JD327709:JM327709 SZ327709:TI327709 ACV327709:ADE327709 AMR327709:ANA327709 AWN327709:AWW327709 BGJ327709:BGS327709 BQF327709:BQO327709 CAB327709:CAK327709 CJX327709:CKG327709 CTT327709:CUC327709 DDP327709:DDY327709 DNL327709:DNU327709 DXH327709:DXQ327709 EHD327709:EHM327709 EQZ327709:ERI327709 FAV327709:FBE327709 FKR327709:FLA327709 FUN327709:FUW327709 GEJ327709:GES327709 GOF327709:GOO327709 GYB327709:GYK327709 HHX327709:HIG327709 HRT327709:HSC327709 IBP327709:IBY327709 ILL327709:ILU327709 IVH327709:IVQ327709 JFD327709:JFM327709 JOZ327709:JPI327709 JYV327709:JZE327709 KIR327709:KJA327709 KSN327709:KSW327709 LCJ327709:LCS327709 LMF327709:LMO327709 LWB327709:LWK327709 MFX327709:MGG327709 MPT327709:MQC327709 MZP327709:MZY327709 NJL327709:NJU327709 NTH327709:NTQ327709 ODD327709:ODM327709 OMZ327709:ONI327709 OWV327709:OXE327709 PGR327709:PHA327709 PQN327709:PQW327709 QAJ327709:QAS327709 QKF327709:QKO327709 QUB327709:QUK327709 RDX327709:REG327709 RNT327709:ROC327709 RXP327709:RXY327709 SHL327709:SHU327709 SRH327709:SRQ327709 TBD327709:TBM327709 TKZ327709:TLI327709 TUV327709:TVE327709 UER327709:UFA327709 UON327709:UOW327709 UYJ327709:UYS327709 VIF327709:VIO327709 VSB327709:VSK327709 WBX327709:WCG327709 WLT327709:WMC327709 WVP327709:WVY327709 H393245:Q393245 JD393245:JM393245 SZ393245:TI393245 ACV393245:ADE393245 AMR393245:ANA393245 AWN393245:AWW393245 BGJ393245:BGS393245 BQF393245:BQO393245 CAB393245:CAK393245 CJX393245:CKG393245 CTT393245:CUC393245 DDP393245:DDY393245 DNL393245:DNU393245 DXH393245:DXQ393245 EHD393245:EHM393245 EQZ393245:ERI393245 FAV393245:FBE393245 FKR393245:FLA393245 FUN393245:FUW393245 GEJ393245:GES393245 GOF393245:GOO393245 GYB393245:GYK393245 HHX393245:HIG393245 HRT393245:HSC393245 IBP393245:IBY393245 ILL393245:ILU393245 IVH393245:IVQ393245 JFD393245:JFM393245 JOZ393245:JPI393245 JYV393245:JZE393245 KIR393245:KJA393245 KSN393245:KSW393245 LCJ393245:LCS393245 LMF393245:LMO393245 LWB393245:LWK393245 MFX393245:MGG393245 MPT393245:MQC393245 MZP393245:MZY393245 NJL393245:NJU393245 NTH393245:NTQ393245 ODD393245:ODM393245 OMZ393245:ONI393245 OWV393245:OXE393245 PGR393245:PHA393245 PQN393245:PQW393245 QAJ393245:QAS393245 QKF393245:QKO393245 QUB393245:QUK393245 RDX393245:REG393245 RNT393245:ROC393245 RXP393245:RXY393245 SHL393245:SHU393245 SRH393245:SRQ393245 TBD393245:TBM393245 TKZ393245:TLI393245 TUV393245:TVE393245 UER393245:UFA393245 UON393245:UOW393245 UYJ393245:UYS393245 VIF393245:VIO393245 VSB393245:VSK393245 WBX393245:WCG393245 WLT393245:WMC393245 WVP393245:WVY393245 H458781:Q458781 JD458781:JM458781 SZ458781:TI458781 ACV458781:ADE458781 AMR458781:ANA458781 AWN458781:AWW458781 BGJ458781:BGS458781 BQF458781:BQO458781 CAB458781:CAK458781 CJX458781:CKG458781 CTT458781:CUC458781 DDP458781:DDY458781 DNL458781:DNU458781 DXH458781:DXQ458781 EHD458781:EHM458781 EQZ458781:ERI458781 FAV458781:FBE458781 FKR458781:FLA458781 FUN458781:FUW458781 GEJ458781:GES458781 GOF458781:GOO458781 GYB458781:GYK458781 HHX458781:HIG458781 HRT458781:HSC458781 IBP458781:IBY458781 ILL458781:ILU458781 IVH458781:IVQ458781 JFD458781:JFM458781 JOZ458781:JPI458781 JYV458781:JZE458781 KIR458781:KJA458781 KSN458781:KSW458781 LCJ458781:LCS458781 LMF458781:LMO458781 LWB458781:LWK458781 MFX458781:MGG458781 MPT458781:MQC458781 MZP458781:MZY458781 NJL458781:NJU458781 NTH458781:NTQ458781 ODD458781:ODM458781 OMZ458781:ONI458781 OWV458781:OXE458781 PGR458781:PHA458781 PQN458781:PQW458781 QAJ458781:QAS458781 QKF458781:QKO458781 QUB458781:QUK458781 RDX458781:REG458781 RNT458781:ROC458781 RXP458781:RXY458781 SHL458781:SHU458781 SRH458781:SRQ458781 TBD458781:TBM458781 TKZ458781:TLI458781 TUV458781:TVE458781 UER458781:UFA458781 UON458781:UOW458781 UYJ458781:UYS458781 VIF458781:VIO458781 VSB458781:VSK458781 WBX458781:WCG458781 WLT458781:WMC458781 WVP458781:WVY458781 H524317:Q524317 JD524317:JM524317 SZ524317:TI524317 ACV524317:ADE524317 AMR524317:ANA524317 AWN524317:AWW524317 BGJ524317:BGS524317 BQF524317:BQO524317 CAB524317:CAK524317 CJX524317:CKG524317 CTT524317:CUC524317 DDP524317:DDY524317 DNL524317:DNU524317 DXH524317:DXQ524317 EHD524317:EHM524317 EQZ524317:ERI524317 FAV524317:FBE524317 FKR524317:FLA524317 FUN524317:FUW524317 GEJ524317:GES524317 GOF524317:GOO524317 GYB524317:GYK524317 HHX524317:HIG524317 HRT524317:HSC524317 IBP524317:IBY524317 ILL524317:ILU524317 IVH524317:IVQ524317 JFD524317:JFM524317 JOZ524317:JPI524317 JYV524317:JZE524317 KIR524317:KJA524317 KSN524317:KSW524317 LCJ524317:LCS524317 LMF524317:LMO524317 LWB524317:LWK524317 MFX524317:MGG524317 MPT524317:MQC524317 MZP524317:MZY524317 NJL524317:NJU524317 NTH524317:NTQ524317 ODD524317:ODM524317 OMZ524317:ONI524317 OWV524317:OXE524317 PGR524317:PHA524317 PQN524317:PQW524317 QAJ524317:QAS524317 QKF524317:QKO524317 QUB524317:QUK524317 RDX524317:REG524317 RNT524317:ROC524317 RXP524317:RXY524317 SHL524317:SHU524317 SRH524317:SRQ524317 TBD524317:TBM524317 TKZ524317:TLI524317 TUV524317:TVE524317 UER524317:UFA524317 UON524317:UOW524317 UYJ524317:UYS524317 VIF524317:VIO524317 VSB524317:VSK524317 WBX524317:WCG524317 WLT524317:WMC524317 WVP524317:WVY524317 H589853:Q589853 JD589853:JM589853 SZ589853:TI589853 ACV589853:ADE589853 AMR589853:ANA589853 AWN589853:AWW589853 BGJ589853:BGS589853 BQF589853:BQO589853 CAB589853:CAK589853 CJX589853:CKG589853 CTT589853:CUC589853 DDP589853:DDY589853 DNL589853:DNU589853 DXH589853:DXQ589853 EHD589853:EHM589853 EQZ589853:ERI589853 FAV589853:FBE589853 FKR589853:FLA589853 FUN589853:FUW589853 GEJ589853:GES589853 GOF589853:GOO589853 GYB589853:GYK589853 HHX589853:HIG589853 HRT589853:HSC589853 IBP589853:IBY589853 ILL589853:ILU589853 IVH589853:IVQ589853 JFD589853:JFM589853 JOZ589853:JPI589853 JYV589853:JZE589853 KIR589853:KJA589853 KSN589853:KSW589853 LCJ589853:LCS589853 LMF589853:LMO589853 LWB589853:LWK589853 MFX589853:MGG589853 MPT589853:MQC589853 MZP589853:MZY589853 NJL589853:NJU589853 NTH589853:NTQ589853 ODD589853:ODM589853 OMZ589853:ONI589853 OWV589853:OXE589853 PGR589853:PHA589853 PQN589853:PQW589853 QAJ589853:QAS589853 QKF589853:QKO589853 QUB589853:QUK589853 RDX589853:REG589853 RNT589853:ROC589853 RXP589853:RXY589853 SHL589853:SHU589853 SRH589853:SRQ589853 TBD589853:TBM589853 TKZ589853:TLI589853 TUV589853:TVE589853 UER589853:UFA589853 UON589853:UOW589853 UYJ589853:UYS589853 VIF589853:VIO589853 VSB589853:VSK589853 WBX589853:WCG589853 WLT589853:WMC589853 WVP589853:WVY589853 H655389:Q655389 JD655389:JM655389 SZ655389:TI655389 ACV655389:ADE655389 AMR655389:ANA655389 AWN655389:AWW655389 BGJ655389:BGS655389 BQF655389:BQO655389 CAB655389:CAK655389 CJX655389:CKG655389 CTT655389:CUC655389 DDP655389:DDY655389 DNL655389:DNU655389 DXH655389:DXQ655389 EHD655389:EHM655389 EQZ655389:ERI655389 FAV655389:FBE655389 FKR655389:FLA655389 FUN655389:FUW655389 GEJ655389:GES655389 GOF655389:GOO655389 GYB655389:GYK655389 HHX655389:HIG655389 HRT655389:HSC655389 IBP655389:IBY655389 ILL655389:ILU655389 IVH655389:IVQ655389 JFD655389:JFM655389 JOZ655389:JPI655389 JYV655389:JZE655389 KIR655389:KJA655389 KSN655389:KSW655389 LCJ655389:LCS655389 LMF655389:LMO655389 LWB655389:LWK655389 MFX655389:MGG655389 MPT655389:MQC655389 MZP655389:MZY655389 NJL655389:NJU655389 NTH655389:NTQ655389 ODD655389:ODM655389 OMZ655389:ONI655389 OWV655389:OXE655389 PGR655389:PHA655389 PQN655389:PQW655389 QAJ655389:QAS655389 QKF655389:QKO655389 QUB655389:QUK655389 RDX655389:REG655389 RNT655389:ROC655389 RXP655389:RXY655389 SHL655389:SHU655389 SRH655389:SRQ655389 TBD655389:TBM655389 TKZ655389:TLI655389 TUV655389:TVE655389 UER655389:UFA655389 UON655389:UOW655389 UYJ655389:UYS655389 VIF655389:VIO655389 VSB655389:VSK655389 WBX655389:WCG655389 WLT655389:WMC655389 WVP655389:WVY655389 H720925:Q720925 JD720925:JM720925 SZ720925:TI720925 ACV720925:ADE720925 AMR720925:ANA720925 AWN720925:AWW720925 BGJ720925:BGS720925 BQF720925:BQO720925 CAB720925:CAK720925 CJX720925:CKG720925 CTT720925:CUC720925 DDP720925:DDY720925 DNL720925:DNU720925 DXH720925:DXQ720925 EHD720925:EHM720925 EQZ720925:ERI720925 FAV720925:FBE720925 FKR720925:FLA720925 FUN720925:FUW720925 GEJ720925:GES720925 GOF720925:GOO720925 GYB720925:GYK720925 HHX720925:HIG720925 HRT720925:HSC720925 IBP720925:IBY720925 ILL720925:ILU720925 IVH720925:IVQ720925 JFD720925:JFM720925 JOZ720925:JPI720925 JYV720925:JZE720925 KIR720925:KJA720925 KSN720925:KSW720925 LCJ720925:LCS720925 LMF720925:LMO720925 LWB720925:LWK720925 MFX720925:MGG720925 MPT720925:MQC720925 MZP720925:MZY720925 NJL720925:NJU720925 NTH720925:NTQ720925 ODD720925:ODM720925 OMZ720925:ONI720925 OWV720925:OXE720925 PGR720925:PHA720925 PQN720925:PQW720925 QAJ720925:QAS720925 QKF720925:QKO720925 QUB720925:QUK720925 RDX720925:REG720925 RNT720925:ROC720925 RXP720925:RXY720925 SHL720925:SHU720925 SRH720925:SRQ720925 TBD720925:TBM720925 TKZ720925:TLI720925 TUV720925:TVE720925 UER720925:UFA720925 UON720925:UOW720925 UYJ720925:UYS720925 VIF720925:VIO720925 VSB720925:VSK720925 WBX720925:WCG720925 WLT720925:WMC720925 WVP720925:WVY720925 H786461:Q786461 JD786461:JM786461 SZ786461:TI786461 ACV786461:ADE786461 AMR786461:ANA786461 AWN786461:AWW786461 BGJ786461:BGS786461 BQF786461:BQO786461 CAB786461:CAK786461 CJX786461:CKG786461 CTT786461:CUC786461 DDP786461:DDY786461 DNL786461:DNU786461 DXH786461:DXQ786461 EHD786461:EHM786461 EQZ786461:ERI786461 FAV786461:FBE786461 FKR786461:FLA786461 FUN786461:FUW786461 GEJ786461:GES786461 GOF786461:GOO786461 GYB786461:GYK786461 HHX786461:HIG786461 HRT786461:HSC786461 IBP786461:IBY786461 ILL786461:ILU786461 IVH786461:IVQ786461 JFD786461:JFM786461 JOZ786461:JPI786461 JYV786461:JZE786461 KIR786461:KJA786461 KSN786461:KSW786461 LCJ786461:LCS786461 LMF786461:LMO786461 LWB786461:LWK786461 MFX786461:MGG786461 MPT786461:MQC786461 MZP786461:MZY786461 NJL786461:NJU786461 NTH786461:NTQ786461 ODD786461:ODM786461 OMZ786461:ONI786461 OWV786461:OXE786461 PGR786461:PHA786461 PQN786461:PQW786461 QAJ786461:QAS786461 QKF786461:QKO786461 QUB786461:QUK786461 RDX786461:REG786461 RNT786461:ROC786461 RXP786461:RXY786461 SHL786461:SHU786461 SRH786461:SRQ786461 TBD786461:TBM786461 TKZ786461:TLI786461 TUV786461:TVE786461 UER786461:UFA786461 UON786461:UOW786461 UYJ786461:UYS786461 VIF786461:VIO786461 VSB786461:VSK786461 WBX786461:WCG786461 WLT786461:WMC786461 WVP786461:WVY786461 H851997:Q851997 JD851997:JM851997 SZ851997:TI851997 ACV851997:ADE851997 AMR851997:ANA851997 AWN851997:AWW851997 BGJ851997:BGS851997 BQF851997:BQO851997 CAB851997:CAK851997 CJX851997:CKG851997 CTT851997:CUC851997 DDP851997:DDY851997 DNL851997:DNU851997 DXH851997:DXQ851997 EHD851997:EHM851997 EQZ851997:ERI851997 FAV851997:FBE851997 FKR851997:FLA851997 FUN851997:FUW851997 GEJ851997:GES851997 GOF851997:GOO851997 GYB851997:GYK851997 HHX851997:HIG851997 HRT851997:HSC851997 IBP851997:IBY851997 ILL851997:ILU851997 IVH851997:IVQ851997 JFD851997:JFM851997 JOZ851997:JPI851997 JYV851997:JZE851997 KIR851997:KJA851997 KSN851997:KSW851997 LCJ851997:LCS851997 LMF851997:LMO851997 LWB851997:LWK851997 MFX851997:MGG851997 MPT851997:MQC851997 MZP851997:MZY851997 NJL851997:NJU851997 NTH851997:NTQ851997 ODD851997:ODM851997 OMZ851997:ONI851997 OWV851997:OXE851997 PGR851997:PHA851997 PQN851997:PQW851997 QAJ851997:QAS851997 QKF851997:QKO851997 QUB851997:QUK851997 RDX851997:REG851997 RNT851997:ROC851997 RXP851997:RXY851997 SHL851997:SHU851997 SRH851997:SRQ851997 TBD851997:TBM851997 TKZ851997:TLI851997 TUV851997:TVE851997 UER851997:UFA851997 UON851997:UOW851997 UYJ851997:UYS851997 VIF851997:VIO851997 VSB851997:VSK851997 WBX851997:WCG851997 WLT851997:WMC851997 WVP851997:WVY851997 H917533:Q917533 JD917533:JM917533 SZ917533:TI917533 ACV917533:ADE917533 AMR917533:ANA917533 AWN917533:AWW917533 BGJ917533:BGS917533 BQF917533:BQO917533 CAB917533:CAK917533 CJX917533:CKG917533 CTT917533:CUC917533 DDP917533:DDY917533 DNL917533:DNU917533 DXH917533:DXQ917533 EHD917533:EHM917533 EQZ917533:ERI917533 FAV917533:FBE917533 FKR917533:FLA917533 FUN917533:FUW917533 GEJ917533:GES917533 GOF917533:GOO917533 GYB917533:GYK917533 HHX917533:HIG917533 HRT917533:HSC917533 IBP917533:IBY917533 ILL917533:ILU917533 IVH917533:IVQ917533 JFD917533:JFM917533 JOZ917533:JPI917533 JYV917533:JZE917533 KIR917533:KJA917533 KSN917533:KSW917533 LCJ917533:LCS917533 LMF917533:LMO917533 LWB917533:LWK917533 MFX917533:MGG917533 MPT917533:MQC917533 MZP917533:MZY917533 NJL917533:NJU917533 NTH917533:NTQ917533 ODD917533:ODM917533 OMZ917533:ONI917533 OWV917533:OXE917533 PGR917533:PHA917533 PQN917533:PQW917533 QAJ917533:QAS917533 QKF917533:QKO917533 QUB917533:QUK917533 RDX917533:REG917533 RNT917533:ROC917533 RXP917533:RXY917533 SHL917533:SHU917533 SRH917533:SRQ917533 TBD917533:TBM917533 TKZ917533:TLI917533 TUV917533:TVE917533 UER917533:UFA917533 UON917533:UOW917533 UYJ917533:UYS917533 VIF917533:VIO917533 VSB917533:VSK917533 WBX917533:WCG917533 WLT917533:WMC917533 WVP917533:WVY917533 H983069:Q983069 JD983069:JM983069 SZ983069:TI983069 ACV983069:ADE983069 AMR983069:ANA983069 AWN983069:AWW983069 BGJ983069:BGS983069 BQF983069:BQO983069 CAB983069:CAK983069 CJX983069:CKG983069 CTT983069:CUC983069 DDP983069:DDY983069 DNL983069:DNU983069 DXH983069:DXQ983069 EHD983069:EHM983069 EQZ983069:ERI983069 FAV983069:FBE983069 FKR983069:FLA983069 FUN983069:FUW983069 GEJ983069:GES983069 GOF983069:GOO983069 GYB983069:GYK983069 HHX983069:HIG983069 HRT983069:HSC983069 IBP983069:IBY983069 ILL983069:ILU983069 IVH983069:IVQ983069 JFD983069:JFM983069 JOZ983069:JPI983069 JYV983069:JZE983069 KIR983069:KJA983069 KSN983069:KSW983069 LCJ983069:LCS983069 LMF983069:LMO983069 LWB983069:LWK983069 MFX983069:MGG983069 MPT983069:MQC983069 MZP983069:MZY983069 NJL983069:NJU983069 NTH983069:NTQ983069 ODD983069:ODM983069 OMZ983069:ONI983069 OWV983069:OXE983069 PGR983069:PHA983069 PQN983069:PQW983069 QAJ983069:QAS983069 QKF983069:QKO983069 QUB983069:QUK983069 RDX983069:REG983069 RNT983069:ROC983069 RXP983069:RXY983069 SHL983069:SHU983069 SRH983069:SRQ983069 TBD983069:TBM983069 TKZ983069:TLI983069 TUV983069:TVE983069 UER983069:UFA983069 UON983069:UOW983069 UYJ983069:UYS983069 VIF983069:VIO983069 VSB983069:VSK983069 WBX983069:WCG983069 WLT983069:WMC983069 WVP983069:WVY983069 H30:Q30 JD30:JM30 SZ30:TI30 ACV30:ADE30 AMR30:ANA30 AWN30:AWW30 BGJ30:BGS30 BQF30:BQO30 CAB30:CAK30 CJX30:CKG30 CTT30:CUC30 DDP30:DDY30 DNL30:DNU30 DXH30:DXQ30 EHD30:EHM30 EQZ30:ERI30 FAV30:FBE30 FKR30:FLA30 FUN30:FUW30 GEJ30:GES30 GOF30:GOO30 GYB30:GYK30 HHX30:HIG30 HRT30:HSC30 IBP30:IBY30 ILL30:ILU30 IVH30:IVQ30 JFD30:JFM30 JOZ30:JPI30 JYV30:JZE30 KIR30:KJA30 KSN30:KSW30 LCJ30:LCS30 LMF30:LMO30 LWB30:LWK30 MFX30:MGG30 MPT30:MQC30 MZP30:MZY30 NJL30:NJU30 NTH30:NTQ30 ODD30:ODM30 OMZ30:ONI30 OWV30:OXE30 PGR30:PHA30 PQN30:PQW30 QAJ30:QAS30 QKF30:QKO30 QUB30:QUK30 RDX30:REG30 RNT30:ROC30 RXP30:RXY30 SHL30:SHU30 SRH30:SRQ30 TBD30:TBM30 TKZ30:TLI30 TUV30:TVE30 UER30:UFA30 UON30:UOW30 UYJ30:UYS30 VIF30:VIO30 VSB30:VSK30 WBX30:WCG30 WLT30:WMC30 WVP30:WVY30 H65567:Q65567 JD65567:JM65567 SZ65567:TI65567 ACV65567:ADE65567 AMR65567:ANA65567 AWN65567:AWW65567 BGJ65567:BGS65567 BQF65567:BQO65567 CAB65567:CAK65567 CJX65567:CKG65567 CTT65567:CUC65567 DDP65567:DDY65567 DNL65567:DNU65567 DXH65567:DXQ65567 EHD65567:EHM65567 EQZ65567:ERI65567 FAV65567:FBE65567 FKR65567:FLA65567 FUN65567:FUW65567 GEJ65567:GES65567 GOF65567:GOO65567 GYB65567:GYK65567 HHX65567:HIG65567 HRT65567:HSC65567 IBP65567:IBY65567 ILL65567:ILU65567 IVH65567:IVQ65567 JFD65567:JFM65567 JOZ65567:JPI65567 JYV65567:JZE65567 KIR65567:KJA65567 KSN65567:KSW65567 LCJ65567:LCS65567 LMF65567:LMO65567 LWB65567:LWK65567 MFX65567:MGG65567 MPT65567:MQC65567 MZP65567:MZY65567 NJL65567:NJU65567 NTH65567:NTQ65567 ODD65567:ODM65567 OMZ65567:ONI65567 OWV65567:OXE65567 PGR65567:PHA65567 PQN65567:PQW65567 QAJ65567:QAS65567 QKF65567:QKO65567 QUB65567:QUK65567 RDX65567:REG65567 RNT65567:ROC65567 RXP65567:RXY65567 SHL65567:SHU65567 SRH65567:SRQ65567 TBD65567:TBM65567 TKZ65567:TLI65567 TUV65567:TVE65567 UER65567:UFA65567 UON65567:UOW65567 UYJ65567:UYS65567 VIF65567:VIO65567 VSB65567:VSK65567 WBX65567:WCG65567 WLT65567:WMC65567 WVP65567:WVY65567 H131103:Q131103 JD131103:JM131103 SZ131103:TI131103 ACV131103:ADE131103 AMR131103:ANA131103 AWN131103:AWW131103 BGJ131103:BGS131103 BQF131103:BQO131103 CAB131103:CAK131103 CJX131103:CKG131103 CTT131103:CUC131103 DDP131103:DDY131103 DNL131103:DNU131103 DXH131103:DXQ131103 EHD131103:EHM131103 EQZ131103:ERI131103 FAV131103:FBE131103 FKR131103:FLA131103 FUN131103:FUW131103 GEJ131103:GES131103 GOF131103:GOO131103 GYB131103:GYK131103 HHX131103:HIG131103 HRT131103:HSC131103 IBP131103:IBY131103 ILL131103:ILU131103 IVH131103:IVQ131103 JFD131103:JFM131103 JOZ131103:JPI131103 JYV131103:JZE131103 KIR131103:KJA131103 KSN131103:KSW131103 LCJ131103:LCS131103 LMF131103:LMO131103 LWB131103:LWK131103 MFX131103:MGG131103 MPT131103:MQC131103 MZP131103:MZY131103 NJL131103:NJU131103 NTH131103:NTQ131103 ODD131103:ODM131103 OMZ131103:ONI131103 OWV131103:OXE131103 PGR131103:PHA131103 PQN131103:PQW131103 QAJ131103:QAS131103 QKF131103:QKO131103 QUB131103:QUK131103 RDX131103:REG131103 RNT131103:ROC131103 RXP131103:RXY131103 SHL131103:SHU131103 SRH131103:SRQ131103 TBD131103:TBM131103 TKZ131103:TLI131103 TUV131103:TVE131103 UER131103:UFA131103 UON131103:UOW131103 UYJ131103:UYS131103 VIF131103:VIO131103 VSB131103:VSK131103 WBX131103:WCG131103 WLT131103:WMC131103 WVP131103:WVY131103 H196639:Q196639 JD196639:JM196639 SZ196639:TI196639 ACV196639:ADE196639 AMR196639:ANA196639 AWN196639:AWW196639 BGJ196639:BGS196639 BQF196639:BQO196639 CAB196639:CAK196639 CJX196639:CKG196639 CTT196639:CUC196639 DDP196639:DDY196639 DNL196639:DNU196639 DXH196639:DXQ196639 EHD196639:EHM196639 EQZ196639:ERI196639 FAV196639:FBE196639 FKR196639:FLA196639 FUN196639:FUW196639 GEJ196639:GES196639 GOF196639:GOO196639 GYB196639:GYK196639 HHX196639:HIG196639 HRT196639:HSC196639 IBP196639:IBY196639 ILL196639:ILU196639 IVH196639:IVQ196639 JFD196639:JFM196639 JOZ196639:JPI196639 JYV196639:JZE196639 KIR196639:KJA196639 KSN196639:KSW196639 LCJ196639:LCS196639 LMF196639:LMO196639 LWB196639:LWK196639 MFX196639:MGG196639 MPT196639:MQC196639 MZP196639:MZY196639 NJL196639:NJU196639 NTH196639:NTQ196639 ODD196639:ODM196639 OMZ196639:ONI196639 OWV196639:OXE196639 PGR196639:PHA196639 PQN196639:PQW196639 QAJ196639:QAS196639 QKF196639:QKO196639 QUB196639:QUK196639 RDX196639:REG196639 RNT196639:ROC196639 RXP196639:RXY196639 SHL196639:SHU196639 SRH196639:SRQ196639 TBD196639:TBM196639 TKZ196639:TLI196639 TUV196639:TVE196639 UER196639:UFA196639 UON196639:UOW196639 UYJ196639:UYS196639 VIF196639:VIO196639 VSB196639:VSK196639 WBX196639:WCG196639 WLT196639:WMC196639 WVP196639:WVY196639 H262175:Q262175 JD262175:JM262175 SZ262175:TI262175 ACV262175:ADE262175 AMR262175:ANA262175 AWN262175:AWW262175 BGJ262175:BGS262175 BQF262175:BQO262175 CAB262175:CAK262175 CJX262175:CKG262175 CTT262175:CUC262175 DDP262175:DDY262175 DNL262175:DNU262175 DXH262175:DXQ262175 EHD262175:EHM262175 EQZ262175:ERI262175 FAV262175:FBE262175 FKR262175:FLA262175 FUN262175:FUW262175 GEJ262175:GES262175 GOF262175:GOO262175 GYB262175:GYK262175 HHX262175:HIG262175 HRT262175:HSC262175 IBP262175:IBY262175 ILL262175:ILU262175 IVH262175:IVQ262175 JFD262175:JFM262175 JOZ262175:JPI262175 JYV262175:JZE262175 KIR262175:KJA262175 KSN262175:KSW262175 LCJ262175:LCS262175 LMF262175:LMO262175 LWB262175:LWK262175 MFX262175:MGG262175 MPT262175:MQC262175 MZP262175:MZY262175 NJL262175:NJU262175 NTH262175:NTQ262175 ODD262175:ODM262175 OMZ262175:ONI262175 OWV262175:OXE262175 PGR262175:PHA262175 PQN262175:PQW262175 QAJ262175:QAS262175 QKF262175:QKO262175 QUB262175:QUK262175 RDX262175:REG262175 RNT262175:ROC262175 RXP262175:RXY262175 SHL262175:SHU262175 SRH262175:SRQ262175 TBD262175:TBM262175 TKZ262175:TLI262175 TUV262175:TVE262175 UER262175:UFA262175 UON262175:UOW262175 UYJ262175:UYS262175 VIF262175:VIO262175 VSB262175:VSK262175 WBX262175:WCG262175 WLT262175:WMC262175 WVP262175:WVY262175 H327711:Q327711 JD327711:JM327711 SZ327711:TI327711 ACV327711:ADE327711 AMR327711:ANA327711 AWN327711:AWW327711 BGJ327711:BGS327711 BQF327711:BQO327711 CAB327711:CAK327711 CJX327711:CKG327711 CTT327711:CUC327711 DDP327711:DDY327711 DNL327711:DNU327711 DXH327711:DXQ327711 EHD327711:EHM327711 EQZ327711:ERI327711 FAV327711:FBE327711 FKR327711:FLA327711 FUN327711:FUW327711 GEJ327711:GES327711 GOF327711:GOO327711 GYB327711:GYK327711 HHX327711:HIG327711 HRT327711:HSC327711 IBP327711:IBY327711 ILL327711:ILU327711 IVH327711:IVQ327711 JFD327711:JFM327711 JOZ327711:JPI327711 JYV327711:JZE327711 KIR327711:KJA327711 KSN327711:KSW327711 LCJ327711:LCS327711 LMF327711:LMO327711 LWB327711:LWK327711 MFX327711:MGG327711 MPT327711:MQC327711 MZP327711:MZY327711 NJL327711:NJU327711 NTH327711:NTQ327711 ODD327711:ODM327711 OMZ327711:ONI327711 OWV327711:OXE327711 PGR327711:PHA327711 PQN327711:PQW327711 QAJ327711:QAS327711 QKF327711:QKO327711 QUB327711:QUK327711 RDX327711:REG327711 RNT327711:ROC327711 RXP327711:RXY327711 SHL327711:SHU327711 SRH327711:SRQ327711 TBD327711:TBM327711 TKZ327711:TLI327711 TUV327711:TVE327711 UER327711:UFA327711 UON327711:UOW327711 UYJ327711:UYS327711 VIF327711:VIO327711 VSB327711:VSK327711 WBX327711:WCG327711 WLT327711:WMC327711 WVP327711:WVY327711 H393247:Q393247 JD393247:JM393247 SZ393247:TI393247 ACV393247:ADE393247 AMR393247:ANA393247 AWN393247:AWW393247 BGJ393247:BGS393247 BQF393247:BQO393247 CAB393247:CAK393247 CJX393247:CKG393247 CTT393247:CUC393247 DDP393247:DDY393247 DNL393247:DNU393247 DXH393247:DXQ393247 EHD393247:EHM393247 EQZ393247:ERI393247 FAV393247:FBE393247 FKR393247:FLA393247 FUN393247:FUW393247 GEJ393247:GES393247 GOF393247:GOO393247 GYB393247:GYK393247 HHX393247:HIG393247 HRT393247:HSC393247 IBP393247:IBY393247 ILL393247:ILU393247 IVH393247:IVQ393247 JFD393247:JFM393247 JOZ393247:JPI393247 JYV393247:JZE393247 KIR393247:KJA393247 KSN393247:KSW393247 LCJ393247:LCS393247 LMF393247:LMO393247 LWB393247:LWK393247 MFX393247:MGG393247 MPT393247:MQC393247 MZP393247:MZY393247 NJL393247:NJU393247 NTH393247:NTQ393247 ODD393247:ODM393247 OMZ393247:ONI393247 OWV393247:OXE393247 PGR393247:PHA393247 PQN393247:PQW393247 QAJ393247:QAS393247 QKF393247:QKO393247 QUB393247:QUK393247 RDX393247:REG393247 RNT393247:ROC393247 RXP393247:RXY393247 SHL393247:SHU393247 SRH393247:SRQ393247 TBD393247:TBM393247 TKZ393247:TLI393247 TUV393247:TVE393247 UER393247:UFA393247 UON393247:UOW393247 UYJ393247:UYS393247 VIF393247:VIO393247 VSB393247:VSK393247 WBX393247:WCG393247 WLT393247:WMC393247 WVP393247:WVY393247 H458783:Q458783 JD458783:JM458783 SZ458783:TI458783 ACV458783:ADE458783 AMR458783:ANA458783 AWN458783:AWW458783 BGJ458783:BGS458783 BQF458783:BQO458783 CAB458783:CAK458783 CJX458783:CKG458783 CTT458783:CUC458783 DDP458783:DDY458783 DNL458783:DNU458783 DXH458783:DXQ458783 EHD458783:EHM458783 EQZ458783:ERI458783 FAV458783:FBE458783 FKR458783:FLA458783 FUN458783:FUW458783 GEJ458783:GES458783 GOF458783:GOO458783 GYB458783:GYK458783 HHX458783:HIG458783 HRT458783:HSC458783 IBP458783:IBY458783 ILL458783:ILU458783 IVH458783:IVQ458783 JFD458783:JFM458783 JOZ458783:JPI458783 JYV458783:JZE458783 KIR458783:KJA458783 KSN458783:KSW458783 LCJ458783:LCS458783 LMF458783:LMO458783 LWB458783:LWK458783 MFX458783:MGG458783 MPT458783:MQC458783 MZP458783:MZY458783 NJL458783:NJU458783 NTH458783:NTQ458783 ODD458783:ODM458783 OMZ458783:ONI458783 OWV458783:OXE458783 PGR458783:PHA458783 PQN458783:PQW458783 QAJ458783:QAS458783 QKF458783:QKO458783 QUB458783:QUK458783 RDX458783:REG458783 RNT458783:ROC458783 RXP458783:RXY458783 SHL458783:SHU458783 SRH458783:SRQ458783 TBD458783:TBM458783 TKZ458783:TLI458783 TUV458783:TVE458783 UER458783:UFA458783 UON458783:UOW458783 UYJ458783:UYS458783 VIF458783:VIO458783 VSB458783:VSK458783 WBX458783:WCG458783 WLT458783:WMC458783 WVP458783:WVY458783 H524319:Q524319 JD524319:JM524319 SZ524319:TI524319 ACV524319:ADE524319 AMR524319:ANA524319 AWN524319:AWW524319 BGJ524319:BGS524319 BQF524319:BQO524319 CAB524319:CAK524319 CJX524319:CKG524319 CTT524319:CUC524319 DDP524319:DDY524319 DNL524319:DNU524319 DXH524319:DXQ524319 EHD524319:EHM524319 EQZ524319:ERI524319 FAV524319:FBE524319 FKR524319:FLA524319 FUN524319:FUW524319 GEJ524319:GES524319 GOF524319:GOO524319 GYB524319:GYK524319 HHX524319:HIG524319 HRT524319:HSC524319 IBP524319:IBY524319 ILL524319:ILU524319 IVH524319:IVQ524319 JFD524319:JFM524319 JOZ524319:JPI524319 JYV524319:JZE524319 KIR524319:KJA524319 KSN524319:KSW524319 LCJ524319:LCS524319 LMF524319:LMO524319 LWB524319:LWK524319 MFX524319:MGG524319 MPT524319:MQC524319 MZP524319:MZY524319 NJL524319:NJU524319 NTH524319:NTQ524319 ODD524319:ODM524319 OMZ524319:ONI524319 OWV524319:OXE524319 PGR524319:PHA524319 PQN524319:PQW524319 QAJ524319:QAS524319 QKF524319:QKO524319 QUB524319:QUK524319 RDX524319:REG524319 RNT524319:ROC524319 RXP524319:RXY524319 SHL524319:SHU524319 SRH524319:SRQ524319 TBD524319:TBM524319 TKZ524319:TLI524319 TUV524319:TVE524319 UER524319:UFA524319 UON524319:UOW524319 UYJ524319:UYS524319 VIF524319:VIO524319 VSB524319:VSK524319 WBX524319:WCG524319 WLT524319:WMC524319 WVP524319:WVY524319 H589855:Q589855 JD589855:JM589855 SZ589855:TI589855 ACV589855:ADE589855 AMR589855:ANA589855 AWN589855:AWW589855 BGJ589855:BGS589855 BQF589855:BQO589855 CAB589855:CAK589855 CJX589855:CKG589855 CTT589855:CUC589855 DDP589855:DDY589855 DNL589855:DNU589855 DXH589855:DXQ589855 EHD589855:EHM589855 EQZ589855:ERI589855 FAV589855:FBE589855 FKR589855:FLA589855 FUN589855:FUW589855 GEJ589855:GES589855 GOF589855:GOO589855 GYB589855:GYK589855 HHX589855:HIG589855 HRT589855:HSC589855 IBP589855:IBY589855 ILL589855:ILU589855 IVH589855:IVQ589855 JFD589855:JFM589855 JOZ589855:JPI589855 JYV589855:JZE589855 KIR589855:KJA589855 KSN589855:KSW589855 LCJ589855:LCS589855 LMF589855:LMO589855 LWB589855:LWK589855 MFX589855:MGG589855 MPT589855:MQC589855 MZP589855:MZY589855 NJL589855:NJU589855 NTH589855:NTQ589855 ODD589855:ODM589855 OMZ589855:ONI589855 OWV589855:OXE589855 PGR589855:PHA589855 PQN589855:PQW589855 QAJ589855:QAS589855 QKF589855:QKO589855 QUB589855:QUK589855 RDX589855:REG589855 RNT589855:ROC589855 RXP589855:RXY589855 SHL589855:SHU589855 SRH589855:SRQ589855 TBD589855:TBM589855 TKZ589855:TLI589855 TUV589855:TVE589855 UER589855:UFA589855 UON589855:UOW589855 UYJ589855:UYS589855 VIF589855:VIO589855 VSB589855:VSK589855 WBX589855:WCG589855 WLT589855:WMC589855 WVP589855:WVY589855 H655391:Q655391 JD655391:JM655391 SZ655391:TI655391 ACV655391:ADE655391 AMR655391:ANA655391 AWN655391:AWW655391 BGJ655391:BGS655391 BQF655391:BQO655391 CAB655391:CAK655391 CJX655391:CKG655391 CTT655391:CUC655391 DDP655391:DDY655391 DNL655391:DNU655391 DXH655391:DXQ655391 EHD655391:EHM655391 EQZ655391:ERI655391 FAV655391:FBE655391 FKR655391:FLA655391 FUN655391:FUW655391 GEJ655391:GES655391 GOF655391:GOO655391 GYB655391:GYK655391 HHX655391:HIG655391 HRT655391:HSC655391 IBP655391:IBY655391 ILL655391:ILU655391 IVH655391:IVQ655391 JFD655391:JFM655391 JOZ655391:JPI655391 JYV655391:JZE655391 KIR655391:KJA655391 KSN655391:KSW655391 LCJ655391:LCS655391 LMF655391:LMO655391 LWB655391:LWK655391 MFX655391:MGG655391 MPT655391:MQC655391 MZP655391:MZY655391 NJL655391:NJU655391 NTH655391:NTQ655391 ODD655391:ODM655391 OMZ655391:ONI655391 OWV655391:OXE655391 PGR655391:PHA655391 PQN655391:PQW655391 QAJ655391:QAS655391 QKF655391:QKO655391 QUB655391:QUK655391 RDX655391:REG655391 RNT655391:ROC655391 RXP655391:RXY655391 SHL655391:SHU655391 SRH655391:SRQ655391 TBD655391:TBM655391 TKZ655391:TLI655391 TUV655391:TVE655391 UER655391:UFA655391 UON655391:UOW655391 UYJ655391:UYS655391 VIF655391:VIO655391 VSB655391:VSK655391 WBX655391:WCG655391 WLT655391:WMC655391 WVP655391:WVY655391 H720927:Q720927 JD720927:JM720927 SZ720927:TI720927 ACV720927:ADE720927 AMR720927:ANA720927 AWN720927:AWW720927 BGJ720927:BGS720927 BQF720927:BQO720927 CAB720927:CAK720927 CJX720927:CKG720927 CTT720927:CUC720927 DDP720927:DDY720927 DNL720927:DNU720927 DXH720927:DXQ720927 EHD720927:EHM720927 EQZ720927:ERI720927 FAV720927:FBE720927 FKR720927:FLA720927 FUN720927:FUW720927 GEJ720927:GES720927 GOF720927:GOO720927 GYB720927:GYK720927 HHX720927:HIG720927 HRT720927:HSC720927 IBP720927:IBY720927 ILL720927:ILU720927 IVH720927:IVQ720927 JFD720927:JFM720927 JOZ720927:JPI720927 JYV720927:JZE720927 KIR720927:KJA720927 KSN720927:KSW720927 LCJ720927:LCS720927 LMF720927:LMO720927 LWB720927:LWK720927 MFX720927:MGG720927 MPT720927:MQC720927 MZP720927:MZY720927 NJL720927:NJU720927 NTH720927:NTQ720927 ODD720927:ODM720927 OMZ720927:ONI720927 OWV720927:OXE720927 PGR720927:PHA720927 PQN720927:PQW720927 QAJ720927:QAS720927 QKF720927:QKO720927 QUB720927:QUK720927 RDX720927:REG720927 RNT720927:ROC720927 RXP720927:RXY720927 SHL720927:SHU720927 SRH720927:SRQ720927 TBD720927:TBM720927 TKZ720927:TLI720927 TUV720927:TVE720927 UER720927:UFA720927 UON720927:UOW720927 UYJ720927:UYS720927 VIF720927:VIO720927 VSB720927:VSK720927 WBX720927:WCG720927 WLT720927:WMC720927 WVP720927:WVY720927 H786463:Q786463 JD786463:JM786463 SZ786463:TI786463 ACV786463:ADE786463 AMR786463:ANA786463 AWN786463:AWW786463 BGJ786463:BGS786463 BQF786463:BQO786463 CAB786463:CAK786463 CJX786463:CKG786463 CTT786463:CUC786463 DDP786463:DDY786463 DNL786463:DNU786463 DXH786463:DXQ786463 EHD786463:EHM786463 EQZ786463:ERI786463 FAV786463:FBE786463 FKR786463:FLA786463 FUN786463:FUW786463 GEJ786463:GES786463 GOF786463:GOO786463 GYB786463:GYK786463 HHX786463:HIG786463 HRT786463:HSC786463 IBP786463:IBY786463 ILL786463:ILU786463 IVH786463:IVQ786463 JFD786463:JFM786463 JOZ786463:JPI786463 JYV786463:JZE786463 KIR786463:KJA786463 KSN786463:KSW786463 LCJ786463:LCS786463 LMF786463:LMO786463 LWB786463:LWK786463 MFX786463:MGG786463 MPT786463:MQC786463 MZP786463:MZY786463 NJL786463:NJU786463 NTH786463:NTQ786463 ODD786463:ODM786463 OMZ786463:ONI786463 OWV786463:OXE786463 PGR786463:PHA786463 PQN786463:PQW786463 QAJ786463:QAS786463 QKF786463:QKO786463 QUB786463:QUK786463 RDX786463:REG786463 RNT786463:ROC786463 RXP786463:RXY786463 SHL786463:SHU786463 SRH786463:SRQ786463 TBD786463:TBM786463 TKZ786463:TLI786463 TUV786463:TVE786463 UER786463:UFA786463 UON786463:UOW786463 UYJ786463:UYS786463 VIF786463:VIO786463 VSB786463:VSK786463 WBX786463:WCG786463 WLT786463:WMC786463 WVP786463:WVY786463 H851999:Q851999 JD851999:JM851999 SZ851999:TI851999 ACV851999:ADE851999 AMR851999:ANA851999 AWN851999:AWW851999 BGJ851999:BGS851999 BQF851999:BQO851999 CAB851999:CAK851999 CJX851999:CKG851999 CTT851999:CUC851999 DDP851999:DDY851999 DNL851999:DNU851999 DXH851999:DXQ851999 EHD851999:EHM851999 EQZ851999:ERI851999 FAV851999:FBE851999 FKR851999:FLA851999 FUN851999:FUW851999 GEJ851999:GES851999 GOF851999:GOO851999 GYB851999:GYK851999 HHX851999:HIG851999 HRT851999:HSC851999 IBP851999:IBY851999 ILL851999:ILU851999 IVH851999:IVQ851999 JFD851999:JFM851999 JOZ851999:JPI851999 JYV851999:JZE851999 KIR851999:KJA851999 KSN851999:KSW851999 LCJ851999:LCS851999 LMF851999:LMO851999 LWB851999:LWK851999 MFX851999:MGG851999 MPT851999:MQC851999 MZP851999:MZY851999 NJL851999:NJU851999 NTH851999:NTQ851999 ODD851999:ODM851999 OMZ851999:ONI851999 OWV851999:OXE851999 PGR851999:PHA851999 PQN851999:PQW851999 QAJ851999:QAS851999 QKF851999:QKO851999 QUB851999:QUK851999 RDX851999:REG851999 RNT851999:ROC851999 RXP851999:RXY851999 SHL851999:SHU851999 SRH851999:SRQ851999 TBD851999:TBM851999 TKZ851999:TLI851999 TUV851999:TVE851999 UER851999:UFA851999 UON851999:UOW851999 UYJ851999:UYS851999 VIF851999:VIO851999 VSB851999:VSK851999 WBX851999:WCG851999 WLT851999:WMC851999 WVP851999:WVY851999 H917535:Q917535 JD917535:JM917535 SZ917535:TI917535 ACV917535:ADE917535 AMR917535:ANA917535 AWN917535:AWW917535 BGJ917535:BGS917535 BQF917535:BQO917535 CAB917535:CAK917535 CJX917535:CKG917535 CTT917535:CUC917535 DDP917535:DDY917535 DNL917535:DNU917535 DXH917535:DXQ917535 EHD917535:EHM917535 EQZ917535:ERI917535 FAV917535:FBE917535 FKR917535:FLA917535 FUN917535:FUW917535 GEJ917535:GES917535 GOF917535:GOO917535 GYB917535:GYK917535 HHX917535:HIG917535 HRT917535:HSC917535 IBP917535:IBY917535 ILL917535:ILU917535 IVH917535:IVQ917535 JFD917535:JFM917535 JOZ917535:JPI917535 JYV917535:JZE917535 KIR917535:KJA917535 KSN917535:KSW917535 LCJ917535:LCS917535 LMF917535:LMO917535 LWB917535:LWK917535 MFX917535:MGG917535 MPT917535:MQC917535 MZP917535:MZY917535 NJL917535:NJU917535 NTH917535:NTQ917535 ODD917535:ODM917535 OMZ917535:ONI917535 OWV917535:OXE917535 PGR917535:PHA917535 PQN917535:PQW917535 QAJ917535:QAS917535 QKF917535:QKO917535 QUB917535:QUK917535 RDX917535:REG917535 RNT917535:ROC917535 RXP917535:RXY917535 SHL917535:SHU917535 SRH917535:SRQ917535 TBD917535:TBM917535 TKZ917535:TLI917535 TUV917535:TVE917535 UER917535:UFA917535 UON917535:UOW917535 UYJ917535:UYS917535 VIF917535:VIO917535 VSB917535:VSK917535 WBX917535:WCG917535 WLT917535:WMC917535 WVP917535:WVY917535 H983071:Q983071 JD983071:JM983071 SZ983071:TI983071 ACV983071:ADE983071 AMR983071:ANA983071 AWN983071:AWW983071 BGJ983071:BGS983071 BQF983071:BQO983071 CAB983071:CAK983071 CJX983071:CKG983071 CTT983071:CUC983071 DDP983071:DDY983071 DNL983071:DNU983071 DXH983071:DXQ983071 EHD983071:EHM983071 EQZ983071:ERI983071 FAV983071:FBE983071 FKR983071:FLA983071 FUN983071:FUW983071 GEJ983071:GES983071 GOF983071:GOO983071 GYB983071:GYK983071 HHX983071:HIG983071 HRT983071:HSC983071 IBP983071:IBY983071 ILL983071:ILU983071 IVH983071:IVQ983071 JFD983071:JFM983071 JOZ983071:JPI983071 JYV983071:JZE983071 KIR983071:KJA983071 KSN983071:KSW983071 LCJ983071:LCS983071 LMF983071:LMO983071 LWB983071:LWK983071 MFX983071:MGG983071 MPT983071:MQC983071 MZP983071:MZY983071 NJL983071:NJU983071 NTH983071:NTQ983071 ODD983071:ODM983071 OMZ983071:ONI983071 OWV983071:OXE983071 PGR983071:PHA983071 PQN983071:PQW983071 QAJ983071:QAS983071 QKF983071:QKO983071 QUB983071:QUK983071 RDX983071:REG983071 RNT983071:ROC983071 RXP983071:RXY983071 SHL983071:SHU983071 SRH983071:SRQ983071 TBD983071:TBM983071 TKZ983071:TLI983071 TUV983071:TVE983071 UER983071:UFA983071 UON983071:UOW983071 UYJ983071:UYS983071 VIF983071:VIO983071 VSB983071:VSK983071 WBX983071:WCG983071 WLT983071:WMC983071 WVP983071:WVY983071"/>
    <dataValidation type="list" allowBlank="1" showInputMessage="1" showErrorMessage="1" sqref="WVK983077:WVM983089 IY36:JA48 SU36:SW48 ACQ36:ACS48 AMM36:AMO48 AWI36:AWK48 BGE36:BGG48 BQA36:BQC48 BZW36:BZY48 CJS36:CJU48 CTO36:CTQ48 DDK36:DDM48 DNG36:DNI48 DXC36:DXE48 EGY36:EHA48 EQU36:EQW48 FAQ36:FAS48 FKM36:FKO48 FUI36:FUK48 GEE36:GEG48 GOA36:GOC48 GXW36:GXY48 HHS36:HHU48 HRO36:HRQ48 IBK36:IBM48 ILG36:ILI48 IVC36:IVE48 JEY36:JFA48 JOU36:JOW48 JYQ36:JYS48 KIM36:KIO48 KSI36:KSK48 LCE36:LCG48 LMA36:LMC48 LVW36:LVY48 MFS36:MFU48 MPO36:MPQ48 MZK36:MZM48 NJG36:NJI48 NTC36:NTE48 OCY36:ODA48 OMU36:OMW48 OWQ36:OWS48 PGM36:PGO48 PQI36:PQK48 QAE36:QAG48 QKA36:QKC48 QTW36:QTY48 RDS36:RDU48 RNO36:RNQ48 RXK36:RXM48 SHG36:SHI48 SRC36:SRE48 TAY36:TBA48 TKU36:TKW48 TUQ36:TUS48 UEM36:UEO48 UOI36:UOK48 UYE36:UYG48 VIA36:VIC48 VRW36:VRY48 WBS36:WBU48 WLO36:WLQ48 WVK36:WVM48 C65573:E65585 IY65573:JA65585 SU65573:SW65585 ACQ65573:ACS65585 AMM65573:AMO65585 AWI65573:AWK65585 BGE65573:BGG65585 BQA65573:BQC65585 BZW65573:BZY65585 CJS65573:CJU65585 CTO65573:CTQ65585 DDK65573:DDM65585 DNG65573:DNI65585 DXC65573:DXE65585 EGY65573:EHA65585 EQU65573:EQW65585 FAQ65573:FAS65585 FKM65573:FKO65585 FUI65573:FUK65585 GEE65573:GEG65585 GOA65573:GOC65585 GXW65573:GXY65585 HHS65573:HHU65585 HRO65573:HRQ65585 IBK65573:IBM65585 ILG65573:ILI65585 IVC65573:IVE65585 JEY65573:JFA65585 JOU65573:JOW65585 JYQ65573:JYS65585 KIM65573:KIO65585 KSI65573:KSK65585 LCE65573:LCG65585 LMA65573:LMC65585 LVW65573:LVY65585 MFS65573:MFU65585 MPO65573:MPQ65585 MZK65573:MZM65585 NJG65573:NJI65585 NTC65573:NTE65585 OCY65573:ODA65585 OMU65573:OMW65585 OWQ65573:OWS65585 PGM65573:PGO65585 PQI65573:PQK65585 QAE65573:QAG65585 QKA65573:QKC65585 QTW65573:QTY65585 RDS65573:RDU65585 RNO65573:RNQ65585 RXK65573:RXM65585 SHG65573:SHI65585 SRC65573:SRE65585 TAY65573:TBA65585 TKU65573:TKW65585 TUQ65573:TUS65585 UEM65573:UEO65585 UOI65573:UOK65585 UYE65573:UYG65585 VIA65573:VIC65585 VRW65573:VRY65585 WBS65573:WBU65585 WLO65573:WLQ65585 WVK65573:WVM65585 C131109:E131121 IY131109:JA131121 SU131109:SW131121 ACQ131109:ACS131121 AMM131109:AMO131121 AWI131109:AWK131121 BGE131109:BGG131121 BQA131109:BQC131121 BZW131109:BZY131121 CJS131109:CJU131121 CTO131109:CTQ131121 DDK131109:DDM131121 DNG131109:DNI131121 DXC131109:DXE131121 EGY131109:EHA131121 EQU131109:EQW131121 FAQ131109:FAS131121 FKM131109:FKO131121 FUI131109:FUK131121 GEE131109:GEG131121 GOA131109:GOC131121 GXW131109:GXY131121 HHS131109:HHU131121 HRO131109:HRQ131121 IBK131109:IBM131121 ILG131109:ILI131121 IVC131109:IVE131121 JEY131109:JFA131121 JOU131109:JOW131121 JYQ131109:JYS131121 KIM131109:KIO131121 KSI131109:KSK131121 LCE131109:LCG131121 LMA131109:LMC131121 LVW131109:LVY131121 MFS131109:MFU131121 MPO131109:MPQ131121 MZK131109:MZM131121 NJG131109:NJI131121 NTC131109:NTE131121 OCY131109:ODA131121 OMU131109:OMW131121 OWQ131109:OWS131121 PGM131109:PGO131121 PQI131109:PQK131121 QAE131109:QAG131121 QKA131109:QKC131121 QTW131109:QTY131121 RDS131109:RDU131121 RNO131109:RNQ131121 RXK131109:RXM131121 SHG131109:SHI131121 SRC131109:SRE131121 TAY131109:TBA131121 TKU131109:TKW131121 TUQ131109:TUS131121 UEM131109:UEO131121 UOI131109:UOK131121 UYE131109:UYG131121 VIA131109:VIC131121 VRW131109:VRY131121 WBS131109:WBU131121 WLO131109:WLQ131121 WVK131109:WVM131121 C196645:E196657 IY196645:JA196657 SU196645:SW196657 ACQ196645:ACS196657 AMM196645:AMO196657 AWI196645:AWK196657 BGE196645:BGG196657 BQA196645:BQC196657 BZW196645:BZY196657 CJS196645:CJU196657 CTO196645:CTQ196657 DDK196645:DDM196657 DNG196645:DNI196657 DXC196645:DXE196657 EGY196645:EHA196657 EQU196645:EQW196657 FAQ196645:FAS196657 FKM196645:FKO196657 FUI196645:FUK196657 GEE196645:GEG196657 GOA196645:GOC196657 GXW196645:GXY196657 HHS196645:HHU196657 HRO196645:HRQ196657 IBK196645:IBM196657 ILG196645:ILI196657 IVC196645:IVE196657 JEY196645:JFA196657 JOU196645:JOW196657 JYQ196645:JYS196657 KIM196645:KIO196657 KSI196645:KSK196657 LCE196645:LCG196657 LMA196645:LMC196657 LVW196645:LVY196657 MFS196645:MFU196657 MPO196645:MPQ196657 MZK196645:MZM196657 NJG196645:NJI196657 NTC196645:NTE196657 OCY196645:ODA196657 OMU196645:OMW196657 OWQ196645:OWS196657 PGM196645:PGO196657 PQI196645:PQK196657 QAE196645:QAG196657 QKA196645:QKC196657 QTW196645:QTY196657 RDS196645:RDU196657 RNO196645:RNQ196657 RXK196645:RXM196657 SHG196645:SHI196657 SRC196645:SRE196657 TAY196645:TBA196657 TKU196645:TKW196657 TUQ196645:TUS196657 UEM196645:UEO196657 UOI196645:UOK196657 UYE196645:UYG196657 VIA196645:VIC196657 VRW196645:VRY196657 WBS196645:WBU196657 WLO196645:WLQ196657 WVK196645:WVM196657 C262181:E262193 IY262181:JA262193 SU262181:SW262193 ACQ262181:ACS262193 AMM262181:AMO262193 AWI262181:AWK262193 BGE262181:BGG262193 BQA262181:BQC262193 BZW262181:BZY262193 CJS262181:CJU262193 CTO262181:CTQ262193 DDK262181:DDM262193 DNG262181:DNI262193 DXC262181:DXE262193 EGY262181:EHA262193 EQU262181:EQW262193 FAQ262181:FAS262193 FKM262181:FKO262193 FUI262181:FUK262193 GEE262181:GEG262193 GOA262181:GOC262193 GXW262181:GXY262193 HHS262181:HHU262193 HRO262181:HRQ262193 IBK262181:IBM262193 ILG262181:ILI262193 IVC262181:IVE262193 JEY262181:JFA262193 JOU262181:JOW262193 JYQ262181:JYS262193 KIM262181:KIO262193 KSI262181:KSK262193 LCE262181:LCG262193 LMA262181:LMC262193 LVW262181:LVY262193 MFS262181:MFU262193 MPO262181:MPQ262193 MZK262181:MZM262193 NJG262181:NJI262193 NTC262181:NTE262193 OCY262181:ODA262193 OMU262181:OMW262193 OWQ262181:OWS262193 PGM262181:PGO262193 PQI262181:PQK262193 QAE262181:QAG262193 QKA262181:QKC262193 QTW262181:QTY262193 RDS262181:RDU262193 RNO262181:RNQ262193 RXK262181:RXM262193 SHG262181:SHI262193 SRC262181:SRE262193 TAY262181:TBA262193 TKU262181:TKW262193 TUQ262181:TUS262193 UEM262181:UEO262193 UOI262181:UOK262193 UYE262181:UYG262193 VIA262181:VIC262193 VRW262181:VRY262193 WBS262181:WBU262193 WLO262181:WLQ262193 WVK262181:WVM262193 C327717:E327729 IY327717:JA327729 SU327717:SW327729 ACQ327717:ACS327729 AMM327717:AMO327729 AWI327717:AWK327729 BGE327717:BGG327729 BQA327717:BQC327729 BZW327717:BZY327729 CJS327717:CJU327729 CTO327717:CTQ327729 DDK327717:DDM327729 DNG327717:DNI327729 DXC327717:DXE327729 EGY327717:EHA327729 EQU327717:EQW327729 FAQ327717:FAS327729 FKM327717:FKO327729 FUI327717:FUK327729 GEE327717:GEG327729 GOA327717:GOC327729 GXW327717:GXY327729 HHS327717:HHU327729 HRO327717:HRQ327729 IBK327717:IBM327729 ILG327717:ILI327729 IVC327717:IVE327729 JEY327717:JFA327729 JOU327717:JOW327729 JYQ327717:JYS327729 KIM327717:KIO327729 KSI327717:KSK327729 LCE327717:LCG327729 LMA327717:LMC327729 LVW327717:LVY327729 MFS327717:MFU327729 MPO327717:MPQ327729 MZK327717:MZM327729 NJG327717:NJI327729 NTC327717:NTE327729 OCY327717:ODA327729 OMU327717:OMW327729 OWQ327717:OWS327729 PGM327717:PGO327729 PQI327717:PQK327729 QAE327717:QAG327729 QKA327717:QKC327729 QTW327717:QTY327729 RDS327717:RDU327729 RNO327717:RNQ327729 RXK327717:RXM327729 SHG327717:SHI327729 SRC327717:SRE327729 TAY327717:TBA327729 TKU327717:TKW327729 TUQ327717:TUS327729 UEM327717:UEO327729 UOI327717:UOK327729 UYE327717:UYG327729 VIA327717:VIC327729 VRW327717:VRY327729 WBS327717:WBU327729 WLO327717:WLQ327729 WVK327717:WVM327729 C393253:E393265 IY393253:JA393265 SU393253:SW393265 ACQ393253:ACS393265 AMM393253:AMO393265 AWI393253:AWK393265 BGE393253:BGG393265 BQA393253:BQC393265 BZW393253:BZY393265 CJS393253:CJU393265 CTO393253:CTQ393265 DDK393253:DDM393265 DNG393253:DNI393265 DXC393253:DXE393265 EGY393253:EHA393265 EQU393253:EQW393265 FAQ393253:FAS393265 FKM393253:FKO393265 FUI393253:FUK393265 GEE393253:GEG393265 GOA393253:GOC393265 GXW393253:GXY393265 HHS393253:HHU393265 HRO393253:HRQ393265 IBK393253:IBM393265 ILG393253:ILI393265 IVC393253:IVE393265 JEY393253:JFA393265 JOU393253:JOW393265 JYQ393253:JYS393265 KIM393253:KIO393265 KSI393253:KSK393265 LCE393253:LCG393265 LMA393253:LMC393265 LVW393253:LVY393265 MFS393253:MFU393265 MPO393253:MPQ393265 MZK393253:MZM393265 NJG393253:NJI393265 NTC393253:NTE393265 OCY393253:ODA393265 OMU393253:OMW393265 OWQ393253:OWS393265 PGM393253:PGO393265 PQI393253:PQK393265 QAE393253:QAG393265 QKA393253:QKC393265 QTW393253:QTY393265 RDS393253:RDU393265 RNO393253:RNQ393265 RXK393253:RXM393265 SHG393253:SHI393265 SRC393253:SRE393265 TAY393253:TBA393265 TKU393253:TKW393265 TUQ393253:TUS393265 UEM393253:UEO393265 UOI393253:UOK393265 UYE393253:UYG393265 VIA393253:VIC393265 VRW393253:VRY393265 WBS393253:WBU393265 WLO393253:WLQ393265 WVK393253:WVM393265 C458789:E458801 IY458789:JA458801 SU458789:SW458801 ACQ458789:ACS458801 AMM458789:AMO458801 AWI458789:AWK458801 BGE458789:BGG458801 BQA458789:BQC458801 BZW458789:BZY458801 CJS458789:CJU458801 CTO458789:CTQ458801 DDK458789:DDM458801 DNG458789:DNI458801 DXC458789:DXE458801 EGY458789:EHA458801 EQU458789:EQW458801 FAQ458789:FAS458801 FKM458789:FKO458801 FUI458789:FUK458801 GEE458789:GEG458801 GOA458789:GOC458801 GXW458789:GXY458801 HHS458789:HHU458801 HRO458789:HRQ458801 IBK458789:IBM458801 ILG458789:ILI458801 IVC458789:IVE458801 JEY458789:JFA458801 JOU458789:JOW458801 JYQ458789:JYS458801 KIM458789:KIO458801 KSI458789:KSK458801 LCE458789:LCG458801 LMA458789:LMC458801 LVW458789:LVY458801 MFS458789:MFU458801 MPO458789:MPQ458801 MZK458789:MZM458801 NJG458789:NJI458801 NTC458789:NTE458801 OCY458789:ODA458801 OMU458789:OMW458801 OWQ458789:OWS458801 PGM458789:PGO458801 PQI458789:PQK458801 QAE458789:QAG458801 QKA458789:QKC458801 QTW458789:QTY458801 RDS458789:RDU458801 RNO458789:RNQ458801 RXK458789:RXM458801 SHG458789:SHI458801 SRC458789:SRE458801 TAY458789:TBA458801 TKU458789:TKW458801 TUQ458789:TUS458801 UEM458789:UEO458801 UOI458789:UOK458801 UYE458789:UYG458801 VIA458789:VIC458801 VRW458789:VRY458801 WBS458789:WBU458801 WLO458789:WLQ458801 WVK458789:WVM458801 C524325:E524337 IY524325:JA524337 SU524325:SW524337 ACQ524325:ACS524337 AMM524325:AMO524337 AWI524325:AWK524337 BGE524325:BGG524337 BQA524325:BQC524337 BZW524325:BZY524337 CJS524325:CJU524337 CTO524325:CTQ524337 DDK524325:DDM524337 DNG524325:DNI524337 DXC524325:DXE524337 EGY524325:EHA524337 EQU524325:EQW524337 FAQ524325:FAS524337 FKM524325:FKO524337 FUI524325:FUK524337 GEE524325:GEG524337 GOA524325:GOC524337 GXW524325:GXY524337 HHS524325:HHU524337 HRO524325:HRQ524337 IBK524325:IBM524337 ILG524325:ILI524337 IVC524325:IVE524337 JEY524325:JFA524337 JOU524325:JOW524337 JYQ524325:JYS524337 KIM524325:KIO524337 KSI524325:KSK524337 LCE524325:LCG524337 LMA524325:LMC524337 LVW524325:LVY524337 MFS524325:MFU524337 MPO524325:MPQ524337 MZK524325:MZM524337 NJG524325:NJI524337 NTC524325:NTE524337 OCY524325:ODA524337 OMU524325:OMW524337 OWQ524325:OWS524337 PGM524325:PGO524337 PQI524325:PQK524337 QAE524325:QAG524337 QKA524325:QKC524337 QTW524325:QTY524337 RDS524325:RDU524337 RNO524325:RNQ524337 RXK524325:RXM524337 SHG524325:SHI524337 SRC524325:SRE524337 TAY524325:TBA524337 TKU524325:TKW524337 TUQ524325:TUS524337 UEM524325:UEO524337 UOI524325:UOK524337 UYE524325:UYG524337 VIA524325:VIC524337 VRW524325:VRY524337 WBS524325:WBU524337 WLO524325:WLQ524337 WVK524325:WVM524337 C589861:E589873 IY589861:JA589873 SU589861:SW589873 ACQ589861:ACS589873 AMM589861:AMO589873 AWI589861:AWK589873 BGE589861:BGG589873 BQA589861:BQC589873 BZW589861:BZY589873 CJS589861:CJU589873 CTO589861:CTQ589873 DDK589861:DDM589873 DNG589861:DNI589873 DXC589861:DXE589873 EGY589861:EHA589873 EQU589861:EQW589873 FAQ589861:FAS589873 FKM589861:FKO589873 FUI589861:FUK589873 GEE589861:GEG589873 GOA589861:GOC589873 GXW589861:GXY589873 HHS589861:HHU589873 HRO589861:HRQ589873 IBK589861:IBM589873 ILG589861:ILI589873 IVC589861:IVE589873 JEY589861:JFA589873 JOU589861:JOW589873 JYQ589861:JYS589873 KIM589861:KIO589873 KSI589861:KSK589873 LCE589861:LCG589873 LMA589861:LMC589873 LVW589861:LVY589873 MFS589861:MFU589873 MPO589861:MPQ589873 MZK589861:MZM589873 NJG589861:NJI589873 NTC589861:NTE589873 OCY589861:ODA589873 OMU589861:OMW589873 OWQ589861:OWS589873 PGM589861:PGO589873 PQI589861:PQK589873 QAE589861:QAG589873 QKA589861:QKC589873 QTW589861:QTY589873 RDS589861:RDU589873 RNO589861:RNQ589873 RXK589861:RXM589873 SHG589861:SHI589873 SRC589861:SRE589873 TAY589861:TBA589873 TKU589861:TKW589873 TUQ589861:TUS589873 UEM589861:UEO589873 UOI589861:UOK589873 UYE589861:UYG589873 VIA589861:VIC589873 VRW589861:VRY589873 WBS589861:WBU589873 WLO589861:WLQ589873 WVK589861:WVM589873 C655397:E655409 IY655397:JA655409 SU655397:SW655409 ACQ655397:ACS655409 AMM655397:AMO655409 AWI655397:AWK655409 BGE655397:BGG655409 BQA655397:BQC655409 BZW655397:BZY655409 CJS655397:CJU655409 CTO655397:CTQ655409 DDK655397:DDM655409 DNG655397:DNI655409 DXC655397:DXE655409 EGY655397:EHA655409 EQU655397:EQW655409 FAQ655397:FAS655409 FKM655397:FKO655409 FUI655397:FUK655409 GEE655397:GEG655409 GOA655397:GOC655409 GXW655397:GXY655409 HHS655397:HHU655409 HRO655397:HRQ655409 IBK655397:IBM655409 ILG655397:ILI655409 IVC655397:IVE655409 JEY655397:JFA655409 JOU655397:JOW655409 JYQ655397:JYS655409 KIM655397:KIO655409 KSI655397:KSK655409 LCE655397:LCG655409 LMA655397:LMC655409 LVW655397:LVY655409 MFS655397:MFU655409 MPO655397:MPQ655409 MZK655397:MZM655409 NJG655397:NJI655409 NTC655397:NTE655409 OCY655397:ODA655409 OMU655397:OMW655409 OWQ655397:OWS655409 PGM655397:PGO655409 PQI655397:PQK655409 QAE655397:QAG655409 QKA655397:QKC655409 QTW655397:QTY655409 RDS655397:RDU655409 RNO655397:RNQ655409 RXK655397:RXM655409 SHG655397:SHI655409 SRC655397:SRE655409 TAY655397:TBA655409 TKU655397:TKW655409 TUQ655397:TUS655409 UEM655397:UEO655409 UOI655397:UOK655409 UYE655397:UYG655409 VIA655397:VIC655409 VRW655397:VRY655409 WBS655397:WBU655409 WLO655397:WLQ655409 WVK655397:WVM655409 C720933:E720945 IY720933:JA720945 SU720933:SW720945 ACQ720933:ACS720945 AMM720933:AMO720945 AWI720933:AWK720945 BGE720933:BGG720945 BQA720933:BQC720945 BZW720933:BZY720945 CJS720933:CJU720945 CTO720933:CTQ720945 DDK720933:DDM720945 DNG720933:DNI720945 DXC720933:DXE720945 EGY720933:EHA720945 EQU720933:EQW720945 FAQ720933:FAS720945 FKM720933:FKO720945 FUI720933:FUK720945 GEE720933:GEG720945 GOA720933:GOC720945 GXW720933:GXY720945 HHS720933:HHU720945 HRO720933:HRQ720945 IBK720933:IBM720945 ILG720933:ILI720945 IVC720933:IVE720945 JEY720933:JFA720945 JOU720933:JOW720945 JYQ720933:JYS720945 KIM720933:KIO720945 KSI720933:KSK720945 LCE720933:LCG720945 LMA720933:LMC720945 LVW720933:LVY720945 MFS720933:MFU720945 MPO720933:MPQ720945 MZK720933:MZM720945 NJG720933:NJI720945 NTC720933:NTE720945 OCY720933:ODA720945 OMU720933:OMW720945 OWQ720933:OWS720945 PGM720933:PGO720945 PQI720933:PQK720945 QAE720933:QAG720945 QKA720933:QKC720945 QTW720933:QTY720945 RDS720933:RDU720945 RNO720933:RNQ720945 RXK720933:RXM720945 SHG720933:SHI720945 SRC720933:SRE720945 TAY720933:TBA720945 TKU720933:TKW720945 TUQ720933:TUS720945 UEM720933:UEO720945 UOI720933:UOK720945 UYE720933:UYG720945 VIA720933:VIC720945 VRW720933:VRY720945 WBS720933:WBU720945 WLO720933:WLQ720945 WVK720933:WVM720945 C786469:E786481 IY786469:JA786481 SU786469:SW786481 ACQ786469:ACS786481 AMM786469:AMO786481 AWI786469:AWK786481 BGE786469:BGG786481 BQA786469:BQC786481 BZW786469:BZY786481 CJS786469:CJU786481 CTO786469:CTQ786481 DDK786469:DDM786481 DNG786469:DNI786481 DXC786469:DXE786481 EGY786469:EHA786481 EQU786469:EQW786481 FAQ786469:FAS786481 FKM786469:FKO786481 FUI786469:FUK786481 GEE786469:GEG786481 GOA786469:GOC786481 GXW786469:GXY786481 HHS786469:HHU786481 HRO786469:HRQ786481 IBK786469:IBM786481 ILG786469:ILI786481 IVC786469:IVE786481 JEY786469:JFA786481 JOU786469:JOW786481 JYQ786469:JYS786481 KIM786469:KIO786481 KSI786469:KSK786481 LCE786469:LCG786481 LMA786469:LMC786481 LVW786469:LVY786481 MFS786469:MFU786481 MPO786469:MPQ786481 MZK786469:MZM786481 NJG786469:NJI786481 NTC786469:NTE786481 OCY786469:ODA786481 OMU786469:OMW786481 OWQ786469:OWS786481 PGM786469:PGO786481 PQI786469:PQK786481 QAE786469:QAG786481 QKA786469:QKC786481 QTW786469:QTY786481 RDS786469:RDU786481 RNO786469:RNQ786481 RXK786469:RXM786481 SHG786469:SHI786481 SRC786469:SRE786481 TAY786469:TBA786481 TKU786469:TKW786481 TUQ786469:TUS786481 UEM786469:UEO786481 UOI786469:UOK786481 UYE786469:UYG786481 VIA786469:VIC786481 VRW786469:VRY786481 WBS786469:WBU786481 WLO786469:WLQ786481 WVK786469:WVM786481 C852005:E852017 IY852005:JA852017 SU852005:SW852017 ACQ852005:ACS852017 AMM852005:AMO852017 AWI852005:AWK852017 BGE852005:BGG852017 BQA852005:BQC852017 BZW852005:BZY852017 CJS852005:CJU852017 CTO852005:CTQ852017 DDK852005:DDM852017 DNG852005:DNI852017 DXC852005:DXE852017 EGY852005:EHA852017 EQU852005:EQW852017 FAQ852005:FAS852017 FKM852005:FKO852017 FUI852005:FUK852017 GEE852005:GEG852017 GOA852005:GOC852017 GXW852005:GXY852017 HHS852005:HHU852017 HRO852005:HRQ852017 IBK852005:IBM852017 ILG852005:ILI852017 IVC852005:IVE852017 JEY852005:JFA852017 JOU852005:JOW852017 JYQ852005:JYS852017 KIM852005:KIO852017 KSI852005:KSK852017 LCE852005:LCG852017 LMA852005:LMC852017 LVW852005:LVY852017 MFS852005:MFU852017 MPO852005:MPQ852017 MZK852005:MZM852017 NJG852005:NJI852017 NTC852005:NTE852017 OCY852005:ODA852017 OMU852005:OMW852017 OWQ852005:OWS852017 PGM852005:PGO852017 PQI852005:PQK852017 QAE852005:QAG852017 QKA852005:QKC852017 QTW852005:QTY852017 RDS852005:RDU852017 RNO852005:RNQ852017 RXK852005:RXM852017 SHG852005:SHI852017 SRC852005:SRE852017 TAY852005:TBA852017 TKU852005:TKW852017 TUQ852005:TUS852017 UEM852005:UEO852017 UOI852005:UOK852017 UYE852005:UYG852017 VIA852005:VIC852017 VRW852005:VRY852017 WBS852005:WBU852017 WLO852005:WLQ852017 WVK852005:WVM852017 C917541:E917553 IY917541:JA917553 SU917541:SW917553 ACQ917541:ACS917553 AMM917541:AMO917553 AWI917541:AWK917553 BGE917541:BGG917553 BQA917541:BQC917553 BZW917541:BZY917553 CJS917541:CJU917553 CTO917541:CTQ917553 DDK917541:DDM917553 DNG917541:DNI917553 DXC917541:DXE917553 EGY917541:EHA917553 EQU917541:EQW917553 FAQ917541:FAS917553 FKM917541:FKO917553 FUI917541:FUK917553 GEE917541:GEG917553 GOA917541:GOC917553 GXW917541:GXY917553 HHS917541:HHU917553 HRO917541:HRQ917553 IBK917541:IBM917553 ILG917541:ILI917553 IVC917541:IVE917553 JEY917541:JFA917553 JOU917541:JOW917553 JYQ917541:JYS917553 KIM917541:KIO917553 KSI917541:KSK917553 LCE917541:LCG917553 LMA917541:LMC917553 LVW917541:LVY917553 MFS917541:MFU917553 MPO917541:MPQ917553 MZK917541:MZM917553 NJG917541:NJI917553 NTC917541:NTE917553 OCY917541:ODA917553 OMU917541:OMW917553 OWQ917541:OWS917553 PGM917541:PGO917553 PQI917541:PQK917553 QAE917541:QAG917553 QKA917541:QKC917553 QTW917541:QTY917553 RDS917541:RDU917553 RNO917541:RNQ917553 RXK917541:RXM917553 SHG917541:SHI917553 SRC917541:SRE917553 TAY917541:TBA917553 TKU917541:TKW917553 TUQ917541:TUS917553 UEM917541:UEO917553 UOI917541:UOK917553 UYE917541:UYG917553 VIA917541:VIC917553 VRW917541:VRY917553 WBS917541:WBU917553 WLO917541:WLQ917553 WVK917541:WVM917553 C983077:E983089 IY983077:JA983089 SU983077:SW983089 ACQ983077:ACS983089 AMM983077:AMO983089 AWI983077:AWK983089 BGE983077:BGG983089 BQA983077:BQC983089 BZW983077:BZY983089 CJS983077:CJU983089 CTO983077:CTQ983089 DDK983077:DDM983089 DNG983077:DNI983089 DXC983077:DXE983089 EGY983077:EHA983089 EQU983077:EQW983089 FAQ983077:FAS983089 FKM983077:FKO983089 FUI983077:FUK983089 GEE983077:GEG983089 GOA983077:GOC983089 GXW983077:GXY983089 HHS983077:HHU983089 HRO983077:HRQ983089 IBK983077:IBM983089 ILG983077:ILI983089 IVC983077:IVE983089 JEY983077:JFA983089 JOU983077:JOW983089 JYQ983077:JYS983089 KIM983077:KIO983089 KSI983077:KSK983089 LCE983077:LCG983089 LMA983077:LMC983089 LVW983077:LVY983089 MFS983077:MFU983089 MPO983077:MPQ983089 MZK983077:MZM983089 NJG983077:NJI983089 NTC983077:NTE983089 OCY983077:ODA983089 OMU983077:OMW983089 OWQ983077:OWS983089 PGM983077:PGO983089 PQI983077:PQK983089 QAE983077:QAG983089 QKA983077:QKC983089 QTW983077:QTY983089 RDS983077:RDU983089 RNO983077:RNQ983089 RXK983077:RXM983089 SHG983077:SHI983089 SRC983077:SRE983089 TAY983077:TBA983089 TKU983077:TKW983089 TUQ983077:TUS983089 UEM983077:UEO983089 UOI983077:UOK983089 UYE983077:UYG983089 VIA983077:VIC983089 VRW983077:VRY983089 WBS983077:WBU983089 WLO983077:WLQ983089">
      <formula1>"1,①,2,②,3,③,4,④,5,⑤,6,⑥,7,⑦,8,⑧,9,⑨,10,⑩,11,⑪,12,⑫,13,⑬,14,⑭,15,⑮,16,⑯,17,⑰,18,⑱,19,⑲"</formula1>
    </dataValidation>
  </dataValidations>
  <printOptions horizontalCentered="1" verticalCentered="1"/>
  <pageMargins left="0.22" right="0.11" top="0.39370078740157483" bottom="0.39370078740157483" header="0.31496062992125984" footer="0.31496062992125984"/>
  <pageSetup paperSize="9" scale="84" orientation="portrait" r:id="rId1"/>
  <rowBreaks count="1" manualBreakCount="1">
    <brk id="56" max="16383" man="1"/>
  </rowBreaks>
  <colBreaks count="1" manualBreakCount="1">
    <brk id="60" max="1048575" man="1"/>
  </colBreaks>
  <drawing r:id="rId2"/>
  <legacyDrawing r:id="rId3"/>
  <extLst>
    <ext xmlns:x14="http://schemas.microsoft.com/office/spreadsheetml/2009/9/main" uri="{CCE6A557-97BC-4b89-ADB6-D9C93CAAB3DF}">
      <x14:dataValidations xmlns:xm="http://schemas.microsoft.com/office/excel/2006/main" count="1">
        <x14:dataValidation imeMode="off" allowBlank="1" showInputMessage="1" showErrorMessage="1">
          <xm:sqref>AG24:AT24 KC24:KP24 TY24:UL24 ADU24:AEH24 ANQ24:AOD24 AXM24:AXZ24 BHI24:BHV24 BRE24:BRR24 CBA24:CBN24 CKW24:CLJ24 CUS24:CVF24 DEO24:DFB24 DOK24:DOX24 DYG24:DYT24 EIC24:EIP24 ERY24:ESL24 FBU24:FCH24 FLQ24:FMD24 FVM24:FVZ24 GFI24:GFV24 GPE24:GPR24 GZA24:GZN24 HIW24:HJJ24 HSS24:HTF24 ICO24:IDB24 IMK24:IMX24 IWG24:IWT24 JGC24:JGP24 JPY24:JQL24 JZU24:KAH24 KJQ24:KKD24 KTM24:KTZ24 LDI24:LDV24 LNE24:LNR24 LXA24:LXN24 MGW24:MHJ24 MQS24:MRF24 NAO24:NBB24 NKK24:NKX24 NUG24:NUT24 OEC24:OEP24 ONY24:OOL24 OXU24:OYH24 PHQ24:PID24 PRM24:PRZ24 QBI24:QBV24 QLE24:QLR24 QVA24:QVN24 REW24:RFJ24 ROS24:RPF24 RYO24:RZB24 SIK24:SIX24 SSG24:SST24 TCC24:TCP24 TLY24:TML24 TVU24:TWH24 UFQ24:UGD24 UPM24:UPZ24 UZI24:UZV24 VJE24:VJR24 VTA24:VTN24 WCW24:WDJ24 WMS24:WNF24 WWO24:WXB24 AG65561:AT65561 KC65561:KP65561 TY65561:UL65561 ADU65561:AEH65561 ANQ65561:AOD65561 AXM65561:AXZ65561 BHI65561:BHV65561 BRE65561:BRR65561 CBA65561:CBN65561 CKW65561:CLJ65561 CUS65561:CVF65561 DEO65561:DFB65561 DOK65561:DOX65561 DYG65561:DYT65561 EIC65561:EIP65561 ERY65561:ESL65561 FBU65561:FCH65561 FLQ65561:FMD65561 FVM65561:FVZ65561 GFI65561:GFV65561 GPE65561:GPR65561 GZA65561:GZN65561 HIW65561:HJJ65561 HSS65561:HTF65561 ICO65561:IDB65561 IMK65561:IMX65561 IWG65561:IWT65561 JGC65561:JGP65561 JPY65561:JQL65561 JZU65561:KAH65561 KJQ65561:KKD65561 KTM65561:KTZ65561 LDI65561:LDV65561 LNE65561:LNR65561 LXA65561:LXN65561 MGW65561:MHJ65561 MQS65561:MRF65561 NAO65561:NBB65561 NKK65561:NKX65561 NUG65561:NUT65561 OEC65561:OEP65561 ONY65561:OOL65561 OXU65561:OYH65561 PHQ65561:PID65561 PRM65561:PRZ65561 QBI65561:QBV65561 QLE65561:QLR65561 QVA65561:QVN65561 REW65561:RFJ65561 ROS65561:RPF65561 RYO65561:RZB65561 SIK65561:SIX65561 SSG65561:SST65561 TCC65561:TCP65561 TLY65561:TML65561 TVU65561:TWH65561 UFQ65561:UGD65561 UPM65561:UPZ65561 UZI65561:UZV65561 VJE65561:VJR65561 VTA65561:VTN65561 WCW65561:WDJ65561 WMS65561:WNF65561 WWO65561:WXB65561 AG131097:AT131097 KC131097:KP131097 TY131097:UL131097 ADU131097:AEH131097 ANQ131097:AOD131097 AXM131097:AXZ131097 BHI131097:BHV131097 BRE131097:BRR131097 CBA131097:CBN131097 CKW131097:CLJ131097 CUS131097:CVF131097 DEO131097:DFB131097 DOK131097:DOX131097 DYG131097:DYT131097 EIC131097:EIP131097 ERY131097:ESL131097 FBU131097:FCH131097 FLQ131097:FMD131097 FVM131097:FVZ131097 GFI131097:GFV131097 GPE131097:GPR131097 GZA131097:GZN131097 HIW131097:HJJ131097 HSS131097:HTF131097 ICO131097:IDB131097 IMK131097:IMX131097 IWG131097:IWT131097 JGC131097:JGP131097 JPY131097:JQL131097 JZU131097:KAH131097 KJQ131097:KKD131097 KTM131097:KTZ131097 LDI131097:LDV131097 LNE131097:LNR131097 LXA131097:LXN131097 MGW131097:MHJ131097 MQS131097:MRF131097 NAO131097:NBB131097 NKK131097:NKX131097 NUG131097:NUT131097 OEC131097:OEP131097 ONY131097:OOL131097 OXU131097:OYH131097 PHQ131097:PID131097 PRM131097:PRZ131097 QBI131097:QBV131097 QLE131097:QLR131097 QVA131097:QVN131097 REW131097:RFJ131097 ROS131097:RPF131097 RYO131097:RZB131097 SIK131097:SIX131097 SSG131097:SST131097 TCC131097:TCP131097 TLY131097:TML131097 TVU131097:TWH131097 UFQ131097:UGD131097 UPM131097:UPZ131097 UZI131097:UZV131097 VJE131097:VJR131097 VTA131097:VTN131097 WCW131097:WDJ131097 WMS131097:WNF131097 WWO131097:WXB131097 AG196633:AT196633 KC196633:KP196633 TY196633:UL196633 ADU196633:AEH196633 ANQ196633:AOD196633 AXM196633:AXZ196633 BHI196633:BHV196633 BRE196633:BRR196633 CBA196633:CBN196633 CKW196633:CLJ196633 CUS196633:CVF196633 DEO196633:DFB196633 DOK196633:DOX196633 DYG196633:DYT196633 EIC196633:EIP196633 ERY196633:ESL196633 FBU196633:FCH196633 FLQ196633:FMD196633 FVM196633:FVZ196633 GFI196633:GFV196633 GPE196633:GPR196633 GZA196633:GZN196633 HIW196633:HJJ196633 HSS196633:HTF196633 ICO196633:IDB196633 IMK196633:IMX196633 IWG196633:IWT196633 JGC196633:JGP196633 JPY196633:JQL196633 JZU196633:KAH196633 KJQ196633:KKD196633 KTM196633:KTZ196633 LDI196633:LDV196633 LNE196633:LNR196633 LXA196633:LXN196633 MGW196633:MHJ196633 MQS196633:MRF196633 NAO196633:NBB196633 NKK196633:NKX196633 NUG196633:NUT196633 OEC196633:OEP196633 ONY196633:OOL196633 OXU196633:OYH196633 PHQ196633:PID196633 PRM196633:PRZ196633 QBI196633:QBV196633 QLE196633:QLR196633 QVA196633:QVN196633 REW196633:RFJ196633 ROS196633:RPF196633 RYO196633:RZB196633 SIK196633:SIX196633 SSG196633:SST196633 TCC196633:TCP196633 TLY196633:TML196633 TVU196633:TWH196633 UFQ196633:UGD196633 UPM196633:UPZ196633 UZI196633:UZV196633 VJE196633:VJR196633 VTA196633:VTN196633 WCW196633:WDJ196633 WMS196633:WNF196633 WWO196633:WXB196633 AG262169:AT262169 KC262169:KP262169 TY262169:UL262169 ADU262169:AEH262169 ANQ262169:AOD262169 AXM262169:AXZ262169 BHI262169:BHV262169 BRE262169:BRR262169 CBA262169:CBN262169 CKW262169:CLJ262169 CUS262169:CVF262169 DEO262169:DFB262169 DOK262169:DOX262169 DYG262169:DYT262169 EIC262169:EIP262169 ERY262169:ESL262169 FBU262169:FCH262169 FLQ262169:FMD262169 FVM262169:FVZ262169 GFI262169:GFV262169 GPE262169:GPR262169 GZA262169:GZN262169 HIW262169:HJJ262169 HSS262169:HTF262169 ICO262169:IDB262169 IMK262169:IMX262169 IWG262169:IWT262169 JGC262169:JGP262169 JPY262169:JQL262169 JZU262169:KAH262169 KJQ262169:KKD262169 KTM262169:KTZ262169 LDI262169:LDV262169 LNE262169:LNR262169 LXA262169:LXN262169 MGW262169:MHJ262169 MQS262169:MRF262169 NAO262169:NBB262169 NKK262169:NKX262169 NUG262169:NUT262169 OEC262169:OEP262169 ONY262169:OOL262169 OXU262169:OYH262169 PHQ262169:PID262169 PRM262169:PRZ262169 QBI262169:QBV262169 QLE262169:QLR262169 QVA262169:QVN262169 REW262169:RFJ262169 ROS262169:RPF262169 RYO262169:RZB262169 SIK262169:SIX262169 SSG262169:SST262169 TCC262169:TCP262169 TLY262169:TML262169 TVU262169:TWH262169 UFQ262169:UGD262169 UPM262169:UPZ262169 UZI262169:UZV262169 VJE262169:VJR262169 VTA262169:VTN262169 WCW262169:WDJ262169 WMS262169:WNF262169 WWO262169:WXB262169 AG327705:AT327705 KC327705:KP327705 TY327705:UL327705 ADU327705:AEH327705 ANQ327705:AOD327705 AXM327705:AXZ327705 BHI327705:BHV327705 BRE327705:BRR327705 CBA327705:CBN327705 CKW327705:CLJ327705 CUS327705:CVF327705 DEO327705:DFB327705 DOK327705:DOX327705 DYG327705:DYT327705 EIC327705:EIP327705 ERY327705:ESL327705 FBU327705:FCH327705 FLQ327705:FMD327705 FVM327705:FVZ327705 GFI327705:GFV327705 GPE327705:GPR327705 GZA327705:GZN327705 HIW327705:HJJ327705 HSS327705:HTF327705 ICO327705:IDB327705 IMK327705:IMX327705 IWG327705:IWT327705 JGC327705:JGP327705 JPY327705:JQL327705 JZU327705:KAH327705 KJQ327705:KKD327705 KTM327705:KTZ327705 LDI327705:LDV327705 LNE327705:LNR327705 LXA327705:LXN327705 MGW327705:MHJ327705 MQS327705:MRF327705 NAO327705:NBB327705 NKK327705:NKX327705 NUG327705:NUT327705 OEC327705:OEP327705 ONY327705:OOL327705 OXU327705:OYH327705 PHQ327705:PID327705 PRM327705:PRZ327705 QBI327705:QBV327705 QLE327705:QLR327705 QVA327705:QVN327705 REW327705:RFJ327705 ROS327705:RPF327705 RYO327705:RZB327705 SIK327705:SIX327705 SSG327705:SST327705 TCC327705:TCP327705 TLY327705:TML327705 TVU327705:TWH327705 UFQ327705:UGD327705 UPM327705:UPZ327705 UZI327705:UZV327705 VJE327705:VJR327705 VTA327705:VTN327705 WCW327705:WDJ327705 WMS327705:WNF327705 WWO327705:WXB327705 AG393241:AT393241 KC393241:KP393241 TY393241:UL393241 ADU393241:AEH393241 ANQ393241:AOD393241 AXM393241:AXZ393241 BHI393241:BHV393241 BRE393241:BRR393241 CBA393241:CBN393241 CKW393241:CLJ393241 CUS393241:CVF393241 DEO393241:DFB393241 DOK393241:DOX393241 DYG393241:DYT393241 EIC393241:EIP393241 ERY393241:ESL393241 FBU393241:FCH393241 FLQ393241:FMD393241 FVM393241:FVZ393241 GFI393241:GFV393241 GPE393241:GPR393241 GZA393241:GZN393241 HIW393241:HJJ393241 HSS393241:HTF393241 ICO393241:IDB393241 IMK393241:IMX393241 IWG393241:IWT393241 JGC393241:JGP393241 JPY393241:JQL393241 JZU393241:KAH393241 KJQ393241:KKD393241 KTM393241:KTZ393241 LDI393241:LDV393241 LNE393241:LNR393241 LXA393241:LXN393241 MGW393241:MHJ393241 MQS393241:MRF393241 NAO393241:NBB393241 NKK393241:NKX393241 NUG393241:NUT393241 OEC393241:OEP393241 ONY393241:OOL393241 OXU393241:OYH393241 PHQ393241:PID393241 PRM393241:PRZ393241 QBI393241:QBV393241 QLE393241:QLR393241 QVA393241:QVN393241 REW393241:RFJ393241 ROS393241:RPF393241 RYO393241:RZB393241 SIK393241:SIX393241 SSG393241:SST393241 TCC393241:TCP393241 TLY393241:TML393241 TVU393241:TWH393241 UFQ393241:UGD393241 UPM393241:UPZ393241 UZI393241:UZV393241 VJE393241:VJR393241 VTA393241:VTN393241 WCW393241:WDJ393241 WMS393241:WNF393241 WWO393241:WXB393241 AG458777:AT458777 KC458777:KP458777 TY458777:UL458777 ADU458777:AEH458777 ANQ458777:AOD458777 AXM458777:AXZ458777 BHI458777:BHV458777 BRE458777:BRR458777 CBA458777:CBN458777 CKW458777:CLJ458777 CUS458777:CVF458777 DEO458777:DFB458777 DOK458777:DOX458777 DYG458777:DYT458777 EIC458777:EIP458777 ERY458777:ESL458777 FBU458777:FCH458777 FLQ458777:FMD458777 FVM458777:FVZ458777 GFI458777:GFV458777 GPE458777:GPR458777 GZA458777:GZN458777 HIW458777:HJJ458777 HSS458777:HTF458777 ICO458777:IDB458777 IMK458777:IMX458777 IWG458777:IWT458777 JGC458777:JGP458777 JPY458777:JQL458777 JZU458777:KAH458777 KJQ458777:KKD458777 KTM458777:KTZ458777 LDI458777:LDV458777 LNE458777:LNR458777 LXA458777:LXN458777 MGW458777:MHJ458777 MQS458777:MRF458777 NAO458777:NBB458777 NKK458777:NKX458777 NUG458777:NUT458777 OEC458777:OEP458777 ONY458777:OOL458777 OXU458777:OYH458777 PHQ458777:PID458777 PRM458777:PRZ458777 QBI458777:QBV458777 QLE458777:QLR458777 QVA458777:QVN458777 REW458777:RFJ458777 ROS458777:RPF458777 RYO458777:RZB458777 SIK458777:SIX458777 SSG458777:SST458777 TCC458777:TCP458777 TLY458777:TML458777 TVU458777:TWH458777 UFQ458777:UGD458777 UPM458777:UPZ458777 UZI458777:UZV458777 VJE458777:VJR458777 VTA458777:VTN458777 WCW458777:WDJ458777 WMS458777:WNF458777 WWO458777:WXB458777 AG524313:AT524313 KC524313:KP524313 TY524313:UL524313 ADU524313:AEH524313 ANQ524313:AOD524313 AXM524313:AXZ524313 BHI524313:BHV524313 BRE524313:BRR524313 CBA524313:CBN524313 CKW524313:CLJ524313 CUS524313:CVF524313 DEO524313:DFB524313 DOK524313:DOX524313 DYG524313:DYT524313 EIC524313:EIP524313 ERY524313:ESL524313 FBU524313:FCH524313 FLQ524313:FMD524313 FVM524313:FVZ524313 GFI524313:GFV524313 GPE524313:GPR524313 GZA524313:GZN524313 HIW524313:HJJ524313 HSS524313:HTF524313 ICO524313:IDB524313 IMK524313:IMX524313 IWG524313:IWT524313 JGC524313:JGP524313 JPY524313:JQL524313 JZU524313:KAH524313 KJQ524313:KKD524313 KTM524313:KTZ524313 LDI524313:LDV524313 LNE524313:LNR524313 LXA524313:LXN524313 MGW524313:MHJ524313 MQS524313:MRF524313 NAO524313:NBB524313 NKK524313:NKX524313 NUG524313:NUT524313 OEC524313:OEP524313 ONY524313:OOL524313 OXU524313:OYH524313 PHQ524313:PID524313 PRM524313:PRZ524313 QBI524313:QBV524313 QLE524313:QLR524313 QVA524313:QVN524313 REW524313:RFJ524313 ROS524313:RPF524313 RYO524313:RZB524313 SIK524313:SIX524313 SSG524313:SST524313 TCC524313:TCP524313 TLY524313:TML524313 TVU524313:TWH524313 UFQ524313:UGD524313 UPM524313:UPZ524313 UZI524313:UZV524313 VJE524313:VJR524313 VTA524313:VTN524313 WCW524313:WDJ524313 WMS524313:WNF524313 WWO524313:WXB524313 AG589849:AT589849 KC589849:KP589849 TY589849:UL589849 ADU589849:AEH589849 ANQ589849:AOD589849 AXM589849:AXZ589849 BHI589849:BHV589849 BRE589849:BRR589849 CBA589849:CBN589849 CKW589849:CLJ589849 CUS589849:CVF589849 DEO589849:DFB589849 DOK589849:DOX589849 DYG589849:DYT589849 EIC589849:EIP589849 ERY589849:ESL589849 FBU589849:FCH589849 FLQ589849:FMD589849 FVM589849:FVZ589849 GFI589849:GFV589849 GPE589849:GPR589849 GZA589849:GZN589849 HIW589849:HJJ589849 HSS589849:HTF589849 ICO589849:IDB589849 IMK589849:IMX589849 IWG589849:IWT589849 JGC589849:JGP589849 JPY589849:JQL589849 JZU589849:KAH589849 KJQ589849:KKD589849 KTM589849:KTZ589849 LDI589849:LDV589849 LNE589849:LNR589849 LXA589849:LXN589849 MGW589849:MHJ589849 MQS589849:MRF589849 NAO589849:NBB589849 NKK589849:NKX589849 NUG589849:NUT589849 OEC589849:OEP589849 ONY589849:OOL589849 OXU589849:OYH589849 PHQ589849:PID589849 PRM589849:PRZ589849 QBI589849:QBV589849 QLE589849:QLR589849 QVA589849:QVN589849 REW589849:RFJ589849 ROS589849:RPF589849 RYO589849:RZB589849 SIK589849:SIX589849 SSG589849:SST589849 TCC589849:TCP589849 TLY589849:TML589849 TVU589849:TWH589849 UFQ589849:UGD589849 UPM589849:UPZ589849 UZI589849:UZV589849 VJE589849:VJR589849 VTA589849:VTN589849 WCW589849:WDJ589849 WMS589849:WNF589849 WWO589849:WXB589849 AG655385:AT655385 KC655385:KP655385 TY655385:UL655385 ADU655385:AEH655385 ANQ655385:AOD655385 AXM655385:AXZ655385 BHI655385:BHV655385 BRE655385:BRR655385 CBA655385:CBN655385 CKW655385:CLJ655385 CUS655385:CVF655385 DEO655385:DFB655385 DOK655385:DOX655385 DYG655385:DYT655385 EIC655385:EIP655385 ERY655385:ESL655385 FBU655385:FCH655385 FLQ655385:FMD655385 FVM655385:FVZ655385 GFI655385:GFV655385 GPE655385:GPR655385 GZA655385:GZN655385 HIW655385:HJJ655385 HSS655385:HTF655385 ICO655385:IDB655385 IMK655385:IMX655385 IWG655385:IWT655385 JGC655385:JGP655385 JPY655385:JQL655385 JZU655385:KAH655385 KJQ655385:KKD655385 KTM655385:KTZ655385 LDI655385:LDV655385 LNE655385:LNR655385 LXA655385:LXN655385 MGW655385:MHJ655385 MQS655385:MRF655385 NAO655385:NBB655385 NKK655385:NKX655385 NUG655385:NUT655385 OEC655385:OEP655385 ONY655385:OOL655385 OXU655385:OYH655385 PHQ655385:PID655385 PRM655385:PRZ655385 QBI655385:QBV655385 QLE655385:QLR655385 QVA655385:QVN655385 REW655385:RFJ655385 ROS655385:RPF655385 RYO655385:RZB655385 SIK655385:SIX655385 SSG655385:SST655385 TCC655385:TCP655385 TLY655385:TML655385 TVU655385:TWH655385 UFQ655385:UGD655385 UPM655385:UPZ655385 UZI655385:UZV655385 VJE655385:VJR655385 VTA655385:VTN655385 WCW655385:WDJ655385 WMS655385:WNF655385 WWO655385:WXB655385 AG720921:AT720921 KC720921:KP720921 TY720921:UL720921 ADU720921:AEH720921 ANQ720921:AOD720921 AXM720921:AXZ720921 BHI720921:BHV720921 BRE720921:BRR720921 CBA720921:CBN720921 CKW720921:CLJ720921 CUS720921:CVF720921 DEO720921:DFB720921 DOK720921:DOX720921 DYG720921:DYT720921 EIC720921:EIP720921 ERY720921:ESL720921 FBU720921:FCH720921 FLQ720921:FMD720921 FVM720921:FVZ720921 GFI720921:GFV720921 GPE720921:GPR720921 GZA720921:GZN720921 HIW720921:HJJ720921 HSS720921:HTF720921 ICO720921:IDB720921 IMK720921:IMX720921 IWG720921:IWT720921 JGC720921:JGP720921 JPY720921:JQL720921 JZU720921:KAH720921 KJQ720921:KKD720921 KTM720921:KTZ720921 LDI720921:LDV720921 LNE720921:LNR720921 LXA720921:LXN720921 MGW720921:MHJ720921 MQS720921:MRF720921 NAO720921:NBB720921 NKK720921:NKX720921 NUG720921:NUT720921 OEC720921:OEP720921 ONY720921:OOL720921 OXU720921:OYH720921 PHQ720921:PID720921 PRM720921:PRZ720921 QBI720921:QBV720921 QLE720921:QLR720921 QVA720921:QVN720921 REW720921:RFJ720921 ROS720921:RPF720921 RYO720921:RZB720921 SIK720921:SIX720921 SSG720921:SST720921 TCC720921:TCP720921 TLY720921:TML720921 TVU720921:TWH720921 UFQ720921:UGD720921 UPM720921:UPZ720921 UZI720921:UZV720921 VJE720921:VJR720921 VTA720921:VTN720921 WCW720921:WDJ720921 WMS720921:WNF720921 WWO720921:WXB720921 AG786457:AT786457 KC786457:KP786457 TY786457:UL786457 ADU786457:AEH786457 ANQ786457:AOD786457 AXM786457:AXZ786457 BHI786457:BHV786457 BRE786457:BRR786457 CBA786457:CBN786457 CKW786457:CLJ786457 CUS786457:CVF786457 DEO786457:DFB786457 DOK786457:DOX786457 DYG786457:DYT786457 EIC786457:EIP786457 ERY786457:ESL786457 FBU786457:FCH786457 FLQ786457:FMD786457 FVM786457:FVZ786457 GFI786457:GFV786457 GPE786457:GPR786457 GZA786457:GZN786457 HIW786457:HJJ786457 HSS786457:HTF786457 ICO786457:IDB786457 IMK786457:IMX786457 IWG786457:IWT786457 JGC786457:JGP786457 JPY786457:JQL786457 JZU786457:KAH786457 KJQ786457:KKD786457 KTM786457:KTZ786457 LDI786457:LDV786457 LNE786457:LNR786457 LXA786457:LXN786457 MGW786457:MHJ786457 MQS786457:MRF786457 NAO786457:NBB786457 NKK786457:NKX786457 NUG786457:NUT786457 OEC786457:OEP786457 ONY786457:OOL786457 OXU786457:OYH786457 PHQ786457:PID786457 PRM786457:PRZ786457 QBI786457:QBV786457 QLE786457:QLR786457 QVA786457:QVN786457 REW786457:RFJ786457 ROS786457:RPF786457 RYO786457:RZB786457 SIK786457:SIX786457 SSG786457:SST786457 TCC786457:TCP786457 TLY786457:TML786457 TVU786457:TWH786457 UFQ786457:UGD786457 UPM786457:UPZ786457 UZI786457:UZV786457 VJE786457:VJR786457 VTA786457:VTN786457 WCW786457:WDJ786457 WMS786457:WNF786457 WWO786457:WXB786457 AG851993:AT851993 KC851993:KP851993 TY851993:UL851993 ADU851993:AEH851993 ANQ851993:AOD851993 AXM851993:AXZ851993 BHI851993:BHV851993 BRE851993:BRR851993 CBA851993:CBN851993 CKW851993:CLJ851993 CUS851993:CVF851993 DEO851993:DFB851993 DOK851993:DOX851993 DYG851993:DYT851993 EIC851993:EIP851993 ERY851993:ESL851993 FBU851993:FCH851993 FLQ851993:FMD851993 FVM851993:FVZ851993 GFI851993:GFV851993 GPE851993:GPR851993 GZA851993:GZN851993 HIW851993:HJJ851993 HSS851993:HTF851993 ICO851993:IDB851993 IMK851993:IMX851993 IWG851993:IWT851993 JGC851993:JGP851993 JPY851993:JQL851993 JZU851993:KAH851993 KJQ851993:KKD851993 KTM851993:KTZ851993 LDI851993:LDV851993 LNE851993:LNR851993 LXA851993:LXN851993 MGW851993:MHJ851993 MQS851993:MRF851993 NAO851993:NBB851993 NKK851993:NKX851993 NUG851993:NUT851993 OEC851993:OEP851993 ONY851993:OOL851993 OXU851993:OYH851993 PHQ851993:PID851993 PRM851993:PRZ851993 QBI851993:QBV851993 QLE851993:QLR851993 QVA851993:QVN851993 REW851993:RFJ851993 ROS851993:RPF851993 RYO851993:RZB851993 SIK851993:SIX851993 SSG851993:SST851993 TCC851993:TCP851993 TLY851993:TML851993 TVU851993:TWH851993 UFQ851993:UGD851993 UPM851993:UPZ851993 UZI851993:UZV851993 VJE851993:VJR851993 VTA851993:VTN851993 WCW851993:WDJ851993 WMS851993:WNF851993 WWO851993:WXB851993 AG917529:AT917529 KC917529:KP917529 TY917529:UL917529 ADU917529:AEH917529 ANQ917529:AOD917529 AXM917529:AXZ917529 BHI917529:BHV917529 BRE917529:BRR917529 CBA917529:CBN917529 CKW917529:CLJ917529 CUS917529:CVF917529 DEO917529:DFB917529 DOK917529:DOX917529 DYG917529:DYT917529 EIC917529:EIP917529 ERY917529:ESL917529 FBU917529:FCH917529 FLQ917529:FMD917529 FVM917529:FVZ917529 GFI917529:GFV917529 GPE917529:GPR917529 GZA917529:GZN917529 HIW917529:HJJ917529 HSS917529:HTF917529 ICO917529:IDB917529 IMK917529:IMX917529 IWG917529:IWT917529 JGC917529:JGP917529 JPY917529:JQL917529 JZU917529:KAH917529 KJQ917529:KKD917529 KTM917529:KTZ917529 LDI917529:LDV917529 LNE917529:LNR917529 LXA917529:LXN917529 MGW917529:MHJ917529 MQS917529:MRF917529 NAO917529:NBB917529 NKK917529:NKX917529 NUG917529:NUT917529 OEC917529:OEP917529 ONY917529:OOL917529 OXU917529:OYH917529 PHQ917529:PID917529 PRM917529:PRZ917529 QBI917529:QBV917529 QLE917529:QLR917529 QVA917529:QVN917529 REW917529:RFJ917529 ROS917529:RPF917529 RYO917529:RZB917529 SIK917529:SIX917529 SSG917529:SST917529 TCC917529:TCP917529 TLY917529:TML917529 TVU917529:TWH917529 UFQ917529:UGD917529 UPM917529:UPZ917529 UZI917529:UZV917529 VJE917529:VJR917529 VTA917529:VTN917529 WCW917529:WDJ917529 WMS917529:WNF917529 WWO917529:WXB917529 AG983065:AT983065 KC983065:KP983065 TY983065:UL983065 ADU983065:AEH983065 ANQ983065:AOD983065 AXM983065:AXZ983065 BHI983065:BHV983065 BRE983065:BRR983065 CBA983065:CBN983065 CKW983065:CLJ983065 CUS983065:CVF983065 DEO983065:DFB983065 DOK983065:DOX983065 DYG983065:DYT983065 EIC983065:EIP983065 ERY983065:ESL983065 FBU983065:FCH983065 FLQ983065:FMD983065 FVM983065:FVZ983065 GFI983065:GFV983065 GPE983065:GPR983065 GZA983065:GZN983065 HIW983065:HJJ983065 HSS983065:HTF983065 ICO983065:IDB983065 IMK983065:IMX983065 IWG983065:IWT983065 JGC983065:JGP983065 JPY983065:JQL983065 JZU983065:KAH983065 KJQ983065:KKD983065 KTM983065:KTZ983065 LDI983065:LDV983065 LNE983065:LNR983065 LXA983065:LXN983065 MGW983065:MHJ983065 MQS983065:MRF983065 NAO983065:NBB983065 NKK983065:NKX983065 NUG983065:NUT983065 OEC983065:OEP983065 ONY983065:OOL983065 OXU983065:OYH983065 PHQ983065:PID983065 PRM983065:PRZ983065 QBI983065:QBV983065 QLE983065:QLR983065 QVA983065:QVN983065 REW983065:RFJ983065 ROS983065:RPF983065 RYO983065:RZB983065 SIK983065:SIX983065 SSG983065:SST983065 TCC983065:TCP983065 TLY983065:TML983065 TVU983065:TWH983065 UFQ983065:UGD983065 UPM983065:UPZ983065 UZI983065:UZV983065 VJE983065:VJR983065 VTA983065:VTN983065 WCW983065:WDJ983065 WMS983065:WNF983065 WWO983065:WXB983065 AG26:AT26 KC26:KP26 TY26:UL26 ADU26:AEH26 ANQ26:AOD26 AXM26:AXZ26 BHI26:BHV26 BRE26:BRR26 CBA26:CBN26 CKW26:CLJ26 CUS26:CVF26 DEO26:DFB26 DOK26:DOX26 DYG26:DYT26 EIC26:EIP26 ERY26:ESL26 FBU26:FCH26 FLQ26:FMD26 FVM26:FVZ26 GFI26:GFV26 GPE26:GPR26 GZA26:GZN26 HIW26:HJJ26 HSS26:HTF26 ICO26:IDB26 IMK26:IMX26 IWG26:IWT26 JGC26:JGP26 JPY26:JQL26 JZU26:KAH26 KJQ26:KKD26 KTM26:KTZ26 LDI26:LDV26 LNE26:LNR26 LXA26:LXN26 MGW26:MHJ26 MQS26:MRF26 NAO26:NBB26 NKK26:NKX26 NUG26:NUT26 OEC26:OEP26 ONY26:OOL26 OXU26:OYH26 PHQ26:PID26 PRM26:PRZ26 QBI26:QBV26 QLE26:QLR26 QVA26:QVN26 REW26:RFJ26 ROS26:RPF26 RYO26:RZB26 SIK26:SIX26 SSG26:SST26 TCC26:TCP26 TLY26:TML26 TVU26:TWH26 UFQ26:UGD26 UPM26:UPZ26 UZI26:UZV26 VJE26:VJR26 VTA26:VTN26 WCW26:WDJ26 WMS26:WNF26 WWO26:WXB26 AG65563:AT65563 KC65563:KP65563 TY65563:UL65563 ADU65563:AEH65563 ANQ65563:AOD65563 AXM65563:AXZ65563 BHI65563:BHV65563 BRE65563:BRR65563 CBA65563:CBN65563 CKW65563:CLJ65563 CUS65563:CVF65563 DEO65563:DFB65563 DOK65563:DOX65563 DYG65563:DYT65563 EIC65563:EIP65563 ERY65563:ESL65563 FBU65563:FCH65563 FLQ65563:FMD65563 FVM65563:FVZ65563 GFI65563:GFV65563 GPE65563:GPR65563 GZA65563:GZN65563 HIW65563:HJJ65563 HSS65563:HTF65563 ICO65563:IDB65563 IMK65563:IMX65563 IWG65563:IWT65563 JGC65563:JGP65563 JPY65563:JQL65563 JZU65563:KAH65563 KJQ65563:KKD65563 KTM65563:KTZ65563 LDI65563:LDV65563 LNE65563:LNR65563 LXA65563:LXN65563 MGW65563:MHJ65563 MQS65563:MRF65563 NAO65563:NBB65563 NKK65563:NKX65563 NUG65563:NUT65563 OEC65563:OEP65563 ONY65563:OOL65563 OXU65563:OYH65563 PHQ65563:PID65563 PRM65563:PRZ65563 QBI65563:QBV65563 QLE65563:QLR65563 QVA65563:QVN65563 REW65563:RFJ65563 ROS65563:RPF65563 RYO65563:RZB65563 SIK65563:SIX65563 SSG65563:SST65563 TCC65563:TCP65563 TLY65563:TML65563 TVU65563:TWH65563 UFQ65563:UGD65563 UPM65563:UPZ65563 UZI65563:UZV65563 VJE65563:VJR65563 VTA65563:VTN65563 WCW65563:WDJ65563 WMS65563:WNF65563 WWO65563:WXB65563 AG131099:AT131099 KC131099:KP131099 TY131099:UL131099 ADU131099:AEH131099 ANQ131099:AOD131099 AXM131099:AXZ131099 BHI131099:BHV131099 BRE131099:BRR131099 CBA131099:CBN131099 CKW131099:CLJ131099 CUS131099:CVF131099 DEO131099:DFB131099 DOK131099:DOX131099 DYG131099:DYT131099 EIC131099:EIP131099 ERY131099:ESL131099 FBU131099:FCH131099 FLQ131099:FMD131099 FVM131099:FVZ131099 GFI131099:GFV131099 GPE131099:GPR131099 GZA131099:GZN131099 HIW131099:HJJ131099 HSS131099:HTF131099 ICO131099:IDB131099 IMK131099:IMX131099 IWG131099:IWT131099 JGC131099:JGP131099 JPY131099:JQL131099 JZU131099:KAH131099 KJQ131099:KKD131099 KTM131099:KTZ131099 LDI131099:LDV131099 LNE131099:LNR131099 LXA131099:LXN131099 MGW131099:MHJ131099 MQS131099:MRF131099 NAO131099:NBB131099 NKK131099:NKX131099 NUG131099:NUT131099 OEC131099:OEP131099 ONY131099:OOL131099 OXU131099:OYH131099 PHQ131099:PID131099 PRM131099:PRZ131099 QBI131099:QBV131099 QLE131099:QLR131099 QVA131099:QVN131099 REW131099:RFJ131099 ROS131099:RPF131099 RYO131099:RZB131099 SIK131099:SIX131099 SSG131099:SST131099 TCC131099:TCP131099 TLY131099:TML131099 TVU131099:TWH131099 UFQ131099:UGD131099 UPM131099:UPZ131099 UZI131099:UZV131099 VJE131099:VJR131099 VTA131099:VTN131099 WCW131099:WDJ131099 WMS131099:WNF131099 WWO131099:WXB131099 AG196635:AT196635 KC196635:KP196635 TY196635:UL196635 ADU196635:AEH196635 ANQ196635:AOD196635 AXM196635:AXZ196635 BHI196635:BHV196635 BRE196635:BRR196635 CBA196635:CBN196635 CKW196635:CLJ196635 CUS196635:CVF196635 DEO196635:DFB196635 DOK196635:DOX196635 DYG196635:DYT196635 EIC196635:EIP196635 ERY196635:ESL196635 FBU196635:FCH196635 FLQ196635:FMD196635 FVM196635:FVZ196635 GFI196635:GFV196635 GPE196635:GPR196635 GZA196635:GZN196635 HIW196635:HJJ196635 HSS196635:HTF196635 ICO196635:IDB196635 IMK196635:IMX196635 IWG196635:IWT196635 JGC196635:JGP196635 JPY196635:JQL196635 JZU196635:KAH196635 KJQ196635:KKD196635 KTM196635:KTZ196635 LDI196635:LDV196635 LNE196635:LNR196635 LXA196635:LXN196635 MGW196635:MHJ196635 MQS196635:MRF196635 NAO196635:NBB196635 NKK196635:NKX196635 NUG196635:NUT196635 OEC196635:OEP196635 ONY196635:OOL196635 OXU196635:OYH196635 PHQ196635:PID196635 PRM196635:PRZ196635 QBI196635:QBV196635 QLE196635:QLR196635 QVA196635:QVN196635 REW196635:RFJ196635 ROS196635:RPF196635 RYO196635:RZB196635 SIK196635:SIX196635 SSG196635:SST196635 TCC196635:TCP196635 TLY196635:TML196635 TVU196635:TWH196635 UFQ196635:UGD196635 UPM196635:UPZ196635 UZI196635:UZV196635 VJE196635:VJR196635 VTA196635:VTN196635 WCW196635:WDJ196635 WMS196635:WNF196635 WWO196635:WXB196635 AG262171:AT262171 KC262171:KP262171 TY262171:UL262171 ADU262171:AEH262171 ANQ262171:AOD262171 AXM262171:AXZ262171 BHI262171:BHV262171 BRE262171:BRR262171 CBA262171:CBN262171 CKW262171:CLJ262171 CUS262171:CVF262171 DEO262171:DFB262171 DOK262171:DOX262171 DYG262171:DYT262171 EIC262171:EIP262171 ERY262171:ESL262171 FBU262171:FCH262171 FLQ262171:FMD262171 FVM262171:FVZ262171 GFI262171:GFV262171 GPE262171:GPR262171 GZA262171:GZN262171 HIW262171:HJJ262171 HSS262171:HTF262171 ICO262171:IDB262171 IMK262171:IMX262171 IWG262171:IWT262171 JGC262171:JGP262171 JPY262171:JQL262171 JZU262171:KAH262171 KJQ262171:KKD262171 KTM262171:KTZ262171 LDI262171:LDV262171 LNE262171:LNR262171 LXA262171:LXN262171 MGW262171:MHJ262171 MQS262171:MRF262171 NAO262171:NBB262171 NKK262171:NKX262171 NUG262171:NUT262171 OEC262171:OEP262171 ONY262171:OOL262171 OXU262171:OYH262171 PHQ262171:PID262171 PRM262171:PRZ262171 QBI262171:QBV262171 QLE262171:QLR262171 QVA262171:QVN262171 REW262171:RFJ262171 ROS262171:RPF262171 RYO262171:RZB262171 SIK262171:SIX262171 SSG262171:SST262171 TCC262171:TCP262171 TLY262171:TML262171 TVU262171:TWH262171 UFQ262171:UGD262171 UPM262171:UPZ262171 UZI262171:UZV262171 VJE262171:VJR262171 VTA262171:VTN262171 WCW262171:WDJ262171 WMS262171:WNF262171 WWO262171:WXB262171 AG327707:AT327707 KC327707:KP327707 TY327707:UL327707 ADU327707:AEH327707 ANQ327707:AOD327707 AXM327707:AXZ327707 BHI327707:BHV327707 BRE327707:BRR327707 CBA327707:CBN327707 CKW327707:CLJ327707 CUS327707:CVF327707 DEO327707:DFB327707 DOK327707:DOX327707 DYG327707:DYT327707 EIC327707:EIP327707 ERY327707:ESL327707 FBU327707:FCH327707 FLQ327707:FMD327707 FVM327707:FVZ327707 GFI327707:GFV327707 GPE327707:GPR327707 GZA327707:GZN327707 HIW327707:HJJ327707 HSS327707:HTF327707 ICO327707:IDB327707 IMK327707:IMX327707 IWG327707:IWT327707 JGC327707:JGP327707 JPY327707:JQL327707 JZU327707:KAH327707 KJQ327707:KKD327707 KTM327707:KTZ327707 LDI327707:LDV327707 LNE327707:LNR327707 LXA327707:LXN327707 MGW327707:MHJ327707 MQS327707:MRF327707 NAO327707:NBB327707 NKK327707:NKX327707 NUG327707:NUT327707 OEC327707:OEP327707 ONY327707:OOL327707 OXU327707:OYH327707 PHQ327707:PID327707 PRM327707:PRZ327707 QBI327707:QBV327707 QLE327707:QLR327707 QVA327707:QVN327707 REW327707:RFJ327707 ROS327707:RPF327707 RYO327707:RZB327707 SIK327707:SIX327707 SSG327707:SST327707 TCC327707:TCP327707 TLY327707:TML327707 TVU327707:TWH327707 UFQ327707:UGD327707 UPM327707:UPZ327707 UZI327707:UZV327707 VJE327707:VJR327707 VTA327707:VTN327707 WCW327707:WDJ327707 WMS327707:WNF327707 WWO327707:WXB327707 AG393243:AT393243 KC393243:KP393243 TY393243:UL393243 ADU393243:AEH393243 ANQ393243:AOD393243 AXM393243:AXZ393243 BHI393243:BHV393243 BRE393243:BRR393243 CBA393243:CBN393243 CKW393243:CLJ393243 CUS393243:CVF393243 DEO393243:DFB393243 DOK393243:DOX393243 DYG393243:DYT393243 EIC393243:EIP393243 ERY393243:ESL393243 FBU393243:FCH393243 FLQ393243:FMD393243 FVM393243:FVZ393243 GFI393243:GFV393243 GPE393243:GPR393243 GZA393243:GZN393243 HIW393243:HJJ393243 HSS393243:HTF393243 ICO393243:IDB393243 IMK393243:IMX393243 IWG393243:IWT393243 JGC393243:JGP393243 JPY393243:JQL393243 JZU393243:KAH393243 KJQ393243:KKD393243 KTM393243:KTZ393243 LDI393243:LDV393243 LNE393243:LNR393243 LXA393243:LXN393243 MGW393243:MHJ393243 MQS393243:MRF393243 NAO393243:NBB393243 NKK393243:NKX393243 NUG393243:NUT393243 OEC393243:OEP393243 ONY393243:OOL393243 OXU393243:OYH393243 PHQ393243:PID393243 PRM393243:PRZ393243 QBI393243:QBV393243 QLE393243:QLR393243 QVA393243:QVN393243 REW393243:RFJ393243 ROS393243:RPF393243 RYO393243:RZB393243 SIK393243:SIX393243 SSG393243:SST393243 TCC393243:TCP393243 TLY393243:TML393243 TVU393243:TWH393243 UFQ393243:UGD393243 UPM393243:UPZ393243 UZI393243:UZV393243 VJE393243:VJR393243 VTA393243:VTN393243 WCW393243:WDJ393243 WMS393243:WNF393243 WWO393243:WXB393243 AG458779:AT458779 KC458779:KP458779 TY458779:UL458779 ADU458779:AEH458779 ANQ458779:AOD458779 AXM458779:AXZ458779 BHI458779:BHV458779 BRE458779:BRR458779 CBA458779:CBN458779 CKW458779:CLJ458779 CUS458779:CVF458779 DEO458779:DFB458779 DOK458779:DOX458779 DYG458779:DYT458779 EIC458779:EIP458779 ERY458779:ESL458779 FBU458779:FCH458779 FLQ458779:FMD458779 FVM458779:FVZ458779 GFI458779:GFV458779 GPE458779:GPR458779 GZA458779:GZN458779 HIW458779:HJJ458779 HSS458779:HTF458779 ICO458779:IDB458779 IMK458779:IMX458779 IWG458779:IWT458779 JGC458779:JGP458779 JPY458779:JQL458779 JZU458779:KAH458779 KJQ458779:KKD458779 KTM458779:KTZ458779 LDI458779:LDV458779 LNE458779:LNR458779 LXA458779:LXN458779 MGW458779:MHJ458779 MQS458779:MRF458779 NAO458779:NBB458779 NKK458779:NKX458779 NUG458779:NUT458779 OEC458779:OEP458779 ONY458779:OOL458779 OXU458779:OYH458779 PHQ458779:PID458779 PRM458779:PRZ458779 QBI458779:QBV458779 QLE458779:QLR458779 QVA458779:QVN458779 REW458779:RFJ458779 ROS458779:RPF458779 RYO458779:RZB458779 SIK458779:SIX458779 SSG458779:SST458779 TCC458779:TCP458779 TLY458779:TML458779 TVU458779:TWH458779 UFQ458779:UGD458779 UPM458779:UPZ458779 UZI458779:UZV458779 VJE458779:VJR458779 VTA458779:VTN458779 WCW458779:WDJ458779 WMS458779:WNF458779 WWO458779:WXB458779 AG524315:AT524315 KC524315:KP524315 TY524315:UL524315 ADU524315:AEH524315 ANQ524315:AOD524315 AXM524315:AXZ524315 BHI524315:BHV524315 BRE524315:BRR524315 CBA524315:CBN524315 CKW524315:CLJ524315 CUS524315:CVF524315 DEO524315:DFB524315 DOK524315:DOX524315 DYG524315:DYT524315 EIC524315:EIP524315 ERY524315:ESL524315 FBU524315:FCH524315 FLQ524315:FMD524315 FVM524315:FVZ524315 GFI524315:GFV524315 GPE524315:GPR524315 GZA524315:GZN524315 HIW524315:HJJ524315 HSS524315:HTF524315 ICO524315:IDB524315 IMK524315:IMX524315 IWG524315:IWT524315 JGC524315:JGP524315 JPY524315:JQL524315 JZU524315:KAH524315 KJQ524315:KKD524315 KTM524315:KTZ524315 LDI524315:LDV524315 LNE524315:LNR524315 LXA524315:LXN524315 MGW524315:MHJ524315 MQS524315:MRF524315 NAO524315:NBB524315 NKK524315:NKX524315 NUG524315:NUT524315 OEC524315:OEP524315 ONY524315:OOL524315 OXU524315:OYH524315 PHQ524315:PID524315 PRM524315:PRZ524315 QBI524315:QBV524315 QLE524315:QLR524315 QVA524315:QVN524315 REW524315:RFJ524315 ROS524315:RPF524315 RYO524315:RZB524315 SIK524315:SIX524315 SSG524315:SST524315 TCC524315:TCP524315 TLY524315:TML524315 TVU524315:TWH524315 UFQ524315:UGD524315 UPM524315:UPZ524315 UZI524315:UZV524315 VJE524315:VJR524315 VTA524315:VTN524315 WCW524315:WDJ524315 WMS524315:WNF524315 WWO524315:WXB524315 AG589851:AT589851 KC589851:KP589851 TY589851:UL589851 ADU589851:AEH589851 ANQ589851:AOD589851 AXM589851:AXZ589851 BHI589851:BHV589851 BRE589851:BRR589851 CBA589851:CBN589851 CKW589851:CLJ589851 CUS589851:CVF589851 DEO589851:DFB589851 DOK589851:DOX589851 DYG589851:DYT589851 EIC589851:EIP589851 ERY589851:ESL589851 FBU589851:FCH589851 FLQ589851:FMD589851 FVM589851:FVZ589851 GFI589851:GFV589851 GPE589851:GPR589851 GZA589851:GZN589851 HIW589851:HJJ589851 HSS589851:HTF589851 ICO589851:IDB589851 IMK589851:IMX589851 IWG589851:IWT589851 JGC589851:JGP589851 JPY589851:JQL589851 JZU589851:KAH589851 KJQ589851:KKD589851 KTM589851:KTZ589851 LDI589851:LDV589851 LNE589851:LNR589851 LXA589851:LXN589851 MGW589851:MHJ589851 MQS589851:MRF589851 NAO589851:NBB589851 NKK589851:NKX589851 NUG589851:NUT589851 OEC589851:OEP589851 ONY589851:OOL589851 OXU589851:OYH589851 PHQ589851:PID589851 PRM589851:PRZ589851 QBI589851:QBV589851 QLE589851:QLR589851 QVA589851:QVN589851 REW589851:RFJ589851 ROS589851:RPF589851 RYO589851:RZB589851 SIK589851:SIX589851 SSG589851:SST589851 TCC589851:TCP589851 TLY589851:TML589851 TVU589851:TWH589851 UFQ589851:UGD589851 UPM589851:UPZ589851 UZI589851:UZV589851 VJE589851:VJR589851 VTA589851:VTN589851 WCW589851:WDJ589851 WMS589851:WNF589851 WWO589851:WXB589851 AG655387:AT655387 KC655387:KP655387 TY655387:UL655387 ADU655387:AEH655387 ANQ655387:AOD655387 AXM655387:AXZ655387 BHI655387:BHV655387 BRE655387:BRR655387 CBA655387:CBN655387 CKW655387:CLJ655387 CUS655387:CVF655387 DEO655387:DFB655387 DOK655387:DOX655387 DYG655387:DYT655387 EIC655387:EIP655387 ERY655387:ESL655387 FBU655387:FCH655387 FLQ655387:FMD655387 FVM655387:FVZ655387 GFI655387:GFV655387 GPE655387:GPR655387 GZA655387:GZN655387 HIW655387:HJJ655387 HSS655387:HTF655387 ICO655387:IDB655387 IMK655387:IMX655387 IWG655387:IWT655387 JGC655387:JGP655387 JPY655387:JQL655387 JZU655387:KAH655387 KJQ655387:KKD655387 KTM655387:KTZ655387 LDI655387:LDV655387 LNE655387:LNR655387 LXA655387:LXN655387 MGW655387:MHJ655387 MQS655387:MRF655387 NAO655387:NBB655387 NKK655387:NKX655387 NUG655387:NUT655387 OEC655387:OEP655387 ONY655387:OOL655387 OXU655387:OYH655387 PHQ655387:PID655387 PRM655387:PRZ655387 QBI655387:QBV655387 QLE655387:QLR655387 QVA655387:QVN655387 REW655387:RFJ655387 ROS655387:RPF655387 RYO655387:RZB655387 SIK655387:SIX655387 SSG655387:SST655387 TCC655387:TCP655387 TLY655387:TML655387 TVU655387:TWH655387 UFQ655387:UGD655387 UPM655387:UPZ655387 UZI655387:UZV655387 VJE655387:VJR655387 VTA655387:VTN655387 WCW655387:WDJ655387 WMS655387:WNF655387 WWO655387:WXB655387 AG720923:AT720923 KC720923:KP720923 TY720923:UL720923 ADU720923:AEH720923 ANQ720923:AOD720923 AXM720923:AXZ720923 BHI720923:BHV720923 BRE720923:BRR720923 CBA720923:CBN720923 CKW720923:CLJ720923 CUS720923:CVF720923 DEO720923:DFB720923 DOK720923:DOX720923 DYG720923:DYT720923 EIC720923:EIP720923 ERY720923:ESL720923 FBU720923:FCH720923 FLQ720923:FMD720923 FVM720923:FVZ720923 GFI720923:GFV720923 GPE720923:GPR720923 GZA720923:GZN720923 HIW720923:HJJ720923 HSS720923:HTF720923 ICO720923:IDB720923 IMK720923:IMX720923 IWG720923:IWT720923 JGC720923:JGP720923 JPY720923:JQL720923 JZU720923:KAH720923 KJQ720923:KKD720923 KTM720923:KTZ720923 LDI720923:LDV720923 LNE720923:LNR720923 LXA720923:LXN720923 MGW720923:MHJ720923 MQS720923:MRF720923 NAO720923:NBB720923 NKK720923:NKX720923 NUG720923:NUT720923 OEC720923:OEP720923 ONY720923:OOL720923 OXU720923:OYH720923 PHQ720923:PID720923 PRM720923:PRZ720923 QBI720923:QBV720923 QLE720923:QLR720923 QVA720923:QVN720923 REW720923:RFJ720923 ROS720923:RPF720923 RYO720923:RZB720923 SIK720923:SIX720923 SSG720923:SST720923 TCC720923:TCP720923 TLY720923:TML720923 TVU720923:TWH720923 UFQ720923:UGD720923 UPM720923:UPZ720923 UZI720923:UZV720923 VJE720923:VJR720923 VTA720923:VTN720923 WCW720923:WDJ720923 WMS720923:WNF720923 WWO720923:WXB720923 AG786459:AT786459 KC786459:KP786459 TY786459:UL786459 ADU786459:AEH786459 ANQ786459:AOD786459 AXM786459:AXZ786459 BHI786459:BHV786459 BRE786459:BRR786459 CBA786459:CBN786459 CKW786459:CLJ786459 CUS786459:CVF786459 DEO786459:DFB786459 DOK786459:DOX786459 DYG786459:DYT786459 EIC786459:EIP786459 ERY786459:ESL786459 FBU786459:FCH786459 FLQ786459:FMD786459 FVM786459:FVZ786459 GFI786459:GFV786459 GPE786459:GPR786459 GZA786459:GZN786459 HIW786459:HJJ786459 HSS786459:HTF786459 ICO786459:IDB786459 IMK786459:IMX786459 IWG786459:IWT786459 JGC786459:JGP786459 JPY786459:JQL786459 JZU786459:KAH786459 KJQ786459:KKD786459 KTM786459:KTZ786459 LDI786459:LDV786459 LNE786459:LNR786459 LXA786459:LXN786459 MGW786459:MHJ786459 MQS786459:MRF786459 NAO786459:NBB786459 NKK786459:NKX786459 NUG786459:NUT786459 OEC786459:OEP786459 ONY786459:OOL786459 OXU786459:OYH786459 PHQ786459:PID786459 PRM786459:PRZ786459 QBI786459:QBV786459 QLE786459:QLR786459 QVA786459:QVN786459 REW786459:RFJ786459 ROS786459:RPF786459 RYO786459:RZB786459 SIK786459:SIX786459 SSG786459:SST786459 TCC786459:TCP786459 TLY786459:TML786459 TVU786459:TWH786459 UFQ786459:UGD786459 UPM786459:UPZ786459 UZI786459:UZV786459 VJE786459:VJR786459 VTA786459:VTN786459 WCW786459:WDJ786459 WMS786459:WNF786459 WWO786459:WXB786459 AG851995:AT851995 KC851995:KP851995 TY851995:UL851995 ADU851995:AEH851995 ANQ851995:AOD851995 AXM851995:AXZ851995 BHI851995:BHV851995 BRE851995:BRR851995 CBA851995:CBN851995 CKW851995:CLJ851995 CUS851995:CVF851995 DEO851995:DFB851995 DOK851995:DOX851995 DYG851995:DYT851995 EIC851995:EIP851995 ERY851995:ESL851995 FBU851995:FCH851995 FLQ851995:FMD851995 FVM851995:FVZ851995 GFI851995:GFV851995 GPE851995:GPR851995 GZA851995:GZN851995 HIW851995:HJJ851995 HSS851995:HTF851995 ICO851995:IDB851995 IMK851995:IMX851995 IWG851995:IWT851995 JGC851995:JGP851995 JPY851995:JQL851995 JZU851995:KAH851995 KJQ851995:KKD851995 KTM851995:KTZ851995 LDI851995:LDV851995 LNE851995:LNR851995 LXA851995:LXN851995 MGW851995:MHJ851995 MQS851995:MRF851995 NAO851995:NBB851995 NKK851995:NKX851995 NUG851995:NUT851995 OEC851995:OEP851995 ONY851995:OOL851995 OXU851995:OYH851995 PHQ851995:PID851995 PRM851995:PRZ851995 QBI851995:QBV851995 QLE851995:QLR851995 QVA851995:QVN851995 REW851995:RFJ851995 ROS851995:RPF851995 RYO851995:RZB851995 SIK851995:SIX851995 SSG851995:SST851995 TCC851995:TCP851995 TLY851995:TML851995 TVU851995:TWH851995 UFQ851995:UGD851995 UPM851995:UPZ851995 UZI851995:UZV851995 VJE851995:VJR851995 VTA851995:VTN851995 WCW851995:WDJ851995 WMS851995:WNF851995 WWO851995:WXB851995 AG917531:AT917531 KC917531:KP917531 TY917531:UL917531 ADU917531:AEH917531 ANQ917531:AOD917531 AXM917531:AXZ917531 BHI917531:BHV917531 BRE917531:BRR917531 CBA917531:CBN917531 CKW917531:CLJ917531 CUS917531:CVF917531 DEO917531:DFB917531 DOK917531:DOX917531 DYG917531:DYT917531 EIC917531:EIP917531 ERY917531:ESL917531 FBU917531:FCH917531 FLQ917531:FMD917531 FVM917531:FVZ917531 GFI917531:GFV917531 GPE917531:GPR917531 GZA917531:GZN917531 HIW917531:HJJ917531 HSS917531:HTF917531 ICO917531:IDB917531 IMK917531:IMX917531 IWG917531:IWT917531 JGC917531:JGP917531 JPY917531:JQL917531 JZU917531:KAH917531 KJQ917531:KKD917531 KTM917531:KTZ917531 LDI917531:LDV917531 LNE917531:LNR917531 LXA917531:LXN917531 MGW917531:MHJ917531 MQS917531:MRF917531 NAO917531:NBB917531 NKK917531:NKX917531 NUG917531:NUT917531 OEC917531:OEP917531 ONY917531:OOL917531 OXU917531:OYH917531 PHQ917531:PID917531 PRM917531:PRZ917531 QBI917531:QBV917531 QLE917531:QLR917531 QVA917531:QVN917531 REW917531:RFJ917531 ROS917531:RPF917531 RYO917531:RZB917531 SIK917531:SIX917531 SSG917531:SST917531 TCC917531:TCP917531 TLY917531:TML917531 TVU917531:TWH917531 UFQ917531:UGD917531 UPM917531:UPZ917531 UZI917531:UZV917531 VJE917531:VJR917531 VTA917531:VTN917531 WCW917531:WDJ917531 WMS917531:WNF917531 WWO917531:WXB917531 AG983067:AT983067 KC983067:KP983067 TY983067:UL983067 ADU983067:AEH983067 ANQ983067:AOD983067 AXM983067:AXZ983067 BHI983067:BHV983067 BRE983067:BRR983067 CBA983067:CBN983067 CKW983067:CLJ983067 CUS983067:CVF983067 DEO983067:DFB983067 DOK983067:DOX983067 DYG983067:DYT983067 EIC983067:EIP983067 ERY983067:ESL983067 FBU983067:FCH983067 FLQ983067:FMD983067 FVM983067:FVZ983067 GFI983067:GFV983067 GPE983067:GPR983067 GZA983067:GZN983067 HIW983067:HJJ983067 HSS983067:HTF983067 ICO983067:IDB983067 IMK983067:IMX983067 IWG983067:IWT983067 JGC983067:JGP983067 JPY983067:JQL983067 JZU983067:KAH983067 KJQ983067:KKD983067 KTM983067:KTZ983067 LDI983067:LDV983067 LNE983067:LNR983067 LXA983067:LXN983067 MGW983067:MHJ983067 MQS983067:MRF983067 NAO983067:NBB983067 NKK983067:NKX983067 NUG983067:NUT983067 OEC983067:OEP983067 ONY983067:OOL983067 OXU983067:OYH983067 PHQ983067:PID983067 PRM983067:PRZ983067 QBI983067:QBV983067 QLE983067:QLR983067 QVA983067:QVN983067 REW983067:RFJ983067 ROS983067:RPF983067 RYO983067:RZB983067 SIK983067:SIX983067 SSG983067:SST983067 TCC983067:TCP983067 TLY983067:TML983067 TVU983067:TWH983067 UFQ983067:UGD983067 UPM983067:UPZ983067 UZI983067:UZV983067 VJE983067:VJR983067 VTA983067:VTN983067 WCW983067:WDJ983067 WMS983067:WNF983067 WWO983067:WXB983067 AG28:AT28 KC28:KP28 TY28:UL28 ADU28:AEH28 ANQ28:AOD28 AXM28:AXZ28 BHI28:BHV28 BRE28:BRR28 CBA28:CBN28 CKW28:CLJ28 CUS28:CVF28 DEO28:DFB28 DOK28:DOX28 DYG28:DYT28 EIC28:EIP28 ERY28:ESL28 FBU28:FCH28 FLQ28:FMD28 FVM28:FVZ28 GFI28:GFV28 GPE28:GPR28 GZA28:GZN28 HIW28:HJJ28 HSS28:HTF28 ICO28:IDB28 IMK28:IMX28 IWG28:IWT28 JGC28:JGP28 JPY28:JQL28 JZU28:KAH28 KJQ28:KKD28 KTM28:KTZ28 LDI28:LDV28 LNE28:LNR28 LXA28:LXN28 MGW28:MHJ28 MQS28:MRF28 NAO28:NBB28 NKK28:NKX28 NUG28:NUT28 OEC28:OEP28 ONY28:OOL28 OXU28:OYH28 PHQ28:PID28 PRM28:PRZ28 QBI28:QBV28 QLE28:QLR28 QVA28:QVN28 REW28:RFJ28 ROS28:RPF28 RYO28:RZB28 SIK28:SIX28 SSG28:SST28 TCC28:TCP28 TLY28:TML28 TVU28:TWH28 UFQ28:UGD28 UPM28:UPZ28 UZI28:UZV28 VJE28:VJR28 VTA28:VTN28 WCW28:WDJ28 WMS28:WNF28 WWO28:WXB28 AG65565:AT65565 KC65565:KP65565 TY65565:UL65565 ADU65565:AEH65565 ANQ65565:AOD65565 AXM65565:AXZ65565 BHI65565:BHV65565 BRE65565:BRR65565 CBA65565:CBN65565 CKW65565:CLJ65565 CUS65565:CVF65565 DEO65565:DFB65565 DOK65565:DOX65565 DYG65565:DYT65565 EIC65565:EIP65565 ERY65565:ESL65565 FBU65565:FCH65565 FLQ65565:FMD65565 FVM65565:FVZ65565 GFI65565:GFV65565 GPE65565:GPR65565 GZA65565:GZN65565 HIW65565:HJJ65565 HSS65565:HTF65565 ICO65565:IDB65565 IMK65565:IMX65565 IWG65565:IWT65565 JGC65565:JGP65565 JPY65565:JQL65565 JZU65565:KAH65565 KJQ65565:KKD65565 KTM65565:KTZ65565 LDI65565:LDV65565 LNE65565:LNR65565 LXA65565:LXN65565 MGW65565:MHJ65565 MQS65565:MRF65565 NAO65565:NBB65565 NKK65565:NKX65565 NUG65565:NUT65565 OEC65565:OEP65565 ONY65565:OOL65565 OXU65565:OYH65565 PHQ65565:PID65565 PRM65565:PRZ65565 QBI65565:QBV65565 QLE65565:QLR65565 QVA65565:QVN65565 REW65565:RFJ65565 ROS65565:RPF65565 RYO65565:RZB65565 SIK65565:SIX65565 SSG65565:SST65565 TCC65565:TCP65565 TLY65565:TML65565 TVU65565:TWH65565 UFQ65565:UGD65565 UPM65565:UPZ65565 UZI65565:UZV65565 VJE65565:VJR65565 VTA65565:VTN65565 WCW65565:WDJ65565 WMS65565:WNF65565 WWO65565:WXB65565 AG131101:AT131101 KC131101:KP131101 TY131101:UL131101 ADU131101:AEH131101 ANQ131101:AOD131101 AXM131101:AXZ131101 BHI131101:BHV131101 BRE131101:BRR131101 CBA131101:CBN131101 CKW131101:CLJ131101 CUS131101:CVF131101 DEO131101:DFB131101 DOK131101:DOX131101 DYG131101:DYT131101 EIC131101:EIP131101 ERY131101:ESL131101 FBU131101:FCH131101 FLQ131101:FMD131101 FVM131101:FVZ131101 GFI131101:GFV131101 GPE131101:GPR131101 GZA131101:GZN131101 HIW131101:HJJ131101 HSS131101:HTF131101 ICO131101:IDB131101 IMK131101:IMX131101 IWG131101:IWT131101 JGC131101:JGP131101 JPY131101:JQL131101 JZU131101:KAH131101 KJQ131101:KKD131101 KTM131101:KTZ131101 LDI131101:LDV131101 LNE131101:LNR131101 LXA131101:LXN131101 MGW131101:MHJ131101 MQS131101:MRF131101 NAO131101:NBB131101 NKK131101:NKX131101 NUG131101:NUT131101 OEC131101:OEP131101 ONY131101:OOL131101 OXU131101:OYH131101 PHQ131101:PID131101 PRM131101:PRZ131101 QBI131101:QBV131101 QLE131101:QLR131101 QVA131101:QVN131101 REW131101:RFJ131101 ROS131101:RPF131101 RYO131101:RZB131101 SIK131101:SIX131101 SSG131101:SST131101 TCC131101:TCP131101 TLY131101:TML131101 TVU131101:TWH131101 UFQ131101:UGD131101 UPM131101:UPZ131101 UZI131101:UZV131101 VJE131101:VJR131101 VTA131101:VTN131101 WCW131101:WDJ131101 WMS131101:WNF131101 WWO131101:WXB131101 AG196637:AT196637 KC196637:KP196637 TY196637:UL196637 ADU196637:AEH196637 ANQ196637:AOD196637 AXM196637:AXZ196637 BHI196637:BHV196637 BRE196637:BRR196637 CBA196637:CBN196637 CKW196637:CLJ196637 CUS196637:CVF196637 DEO196637:DFB196637 DOK196637:DOX196637 DYG196637:DYT196637 EIC196637:EIP196637 ERY196637:ESL196637 FBU196637:FCH196637 FLQ196637:FMD196637 FVM196637:FVZ196637 GFI196637:GFV196637 GPE196637:GPR196637 GZA196637:GZN196637 HIW196637:HJJ196637 HSS196637:HTF196637 ICO196637:IDB196637 IMK196637:IMX196637 IWG196637:IWT196637 JGC196637:JGP196637 JPY196637:JQL196637 JZU196637:KAH196637 KJQ196637:KKD196637 KTM196637:KTZ196637 LDI196637:LDV196637 LNE196637:LNR196637 LXA196637:LXN196637 MGW196637:MHJ196637 MQS196637:MRF196637 NAO196637:NBB196637 NKK196637:NKX196637 NUG196637:NUT196637 OEC196637:OEP196637 ONY196637:OOL196637 OXU196637:OYH196637 PHQ196637:PID196637 PRM196637:PRZ196637 QBI196637:QBV196637 QLE196637:QLR196637 QVA196637:QVN196637 REW196637:RFJ196637 ROS196637:RPF196637 RYO196637:RZB196637 SIK196637:SIX196637 SSG196637:SST196637 TCC196637:TCP196637 TLY196637:TML196637 TVU196637:TWH196637 UFQ196637:UGD196637 UPM196637:UPZ196637 UZI196637:UZV196637 VJE196637:VJR196637 VTA196637:VTN196637 WCW196637:WDJ196637 WMS196637:WNF196637 WWO196637:WXB196637 AG262173:AT262173 KC262173:KP262173 TY262173:UL262173 ADU262173:AEH262173 ANQ262173:AOD262173 AXM262173:AXZ262173 BHI262173:BHV262173 BRE262173:BRR262173 CBA262173:CBN262173 CKW262173:CLJ262173 CUS262173:CVF262173 DEO262173:DFB262173 DOK262173:DOX262173 DYG262173:DYT262173 EIC262173:EIP262173 ERY262173:ESL262173 FBU262173:FCH262173 FLQ262173:FMD262173 FVM262173:FVZ262173 GFI262173:GFV262173 GPE262173:GPR262173 GZA262173:GZN262173 HIW262173:HJJ262173 HSS262173:HTF262173 ICO262173:IDB262173 IMK262173:IMX262173 IWG262173:IWT262173 JGC262173:JGP262173 JPY262173:JQL262173 JZU262173:KAH262173 KJQ262173:KKD262173 KTM262173:KTZ262173 LDI262173:LDV262173 LNE262173:LNR262173 LXA262173:LXN262173 MGW262173:MHJ262173 MQS262173:MRF262173 NAO262173:NBB262173 NKK262173:NKX262173 NUG262173:NUT262173 OEC262173:OEP262173 ONY262173:OOL262173 OXU262173:OYH262173 PHQ262173:PID262173 PRM262173:PRZ262173 QBI262173:QBV262173 QLE262173:QLR262173 QVA262173:QVN262173 REW262173:RFJ262173 ROS262173:RPF262173 RYO262173:RZB262173 SIK262173:SIX262173 SSG262173:SST262173 TCC262173:TCP262173 TLY262173:TML262173 TVU262173:TWH262173 UFQ262173:UGD262173 UPM262173:UPZ262173 UZI262173:UZV262173 VJE262173:VJR262173 VTA262173:VTN262173 WCW262173:WDJ262173 WMS262173:WNF262173 WWO262173:WXB262173 AG327709:AT327709 KC327709:KP327709 TY327709:UL327709 ADU327709:AEH327709 ANQ327709:AOD327709 AXM327709:AXZ327709 BHI327709:BHV327709 BRE327709:BRR327709 CBA327709:CBN327709 CKW327709:CLJ327709 CUS327709:CVF327709 DEO327709:DFB327709 DOK327709:DOX327709 DYG327709:DYT327709 EIC327709:EIP327709 ERY327709:ESL327709 FBU327709:FCH327709 FLQ327709:FMD327709 FVM327709:FVZ327709 GFI327709:GFV327709 GPE327709:GPR327709 GZA327709:GZN327709 HIW327709:HJJ327709 HSS327709:HTF327709 ICO327709:IDB327709 IMK327709:IMX327709 IWG327709:IWT327709 JGC327709:JGP327709 JPY327709:JQL327709 JZU327709:KAH327709 KJQ327709:KKD327709 KTM327709:KTZ327709 LDI327709:LDV327709 LNE327709:LNR327709 LXA327709:LXN327709 MGW327709:MHJ327709 MQS327709:MRF327709 NAO327709:NBB327709 NKK327709:NKX327709 NUG327709:NUT327709 OEC327709:OEP327709 ONY327709:OOL327709 OXU327709:OYH327709 PHQ327709:PID327709 PRM327709:PRZ327709 QBI327709:QBV327709 QLE327709:QLR327709 QVA327709:QVN327709 REW327709:RFJ327709 ROS327709:RPF327709 RYO327709:RZB327709 SIK327709:SIX327709 SSG327709:SST327709 TCC327709:TCP327709 TLY327709:TML327709 TVU327709:TWH327709 UFQ327709:UGD327709 UPM327709:UPZ327709 UZI327709:UZV327709 VJE327709:VJR327709 VTA327709:VTN327709 WCW327709:WDJ327709 WMS327709:WNF327709 WWO327709:WXB327709 AG393245:AT393245 KC393245:KP393245 TY393245:UL393245 ADU393245:AEH393245 ANQ393245:AOD393245 AXM393245:AXZ393245 BHI393245:BHV393245 BRE393245:BRR393245 CBA393245:CBN393245 CKW393245:CLJ393245 CUS393245:CVF393245 DEO393245:DFB393245 DOK393245:DOX393245 DYG393245:DYT393245 EIC393245:EIP393245 ERY393245:ESL393245 FBU393245:FCH393245 FLQ393245:FMD393245 FVM393245:FVZ393245 GFI393245:GFV393245 GPE393245:GPR393245 GZA393245:GZN393245 HIW393245:HJJ393245 HSS393245:HTF393245 ICO393245:IDB393245 IMK393245:IMX393245 IWG393245:IWT393245 JGC393245:JGP393245 JPY393245:JQL393245 JZU393245:KAH393245 KJQ393245:KKD393245 KTM393245:KTZ393245 LDI393245:LDV393245 LNE393245:LNR393245 LXA393245:LXN393245 MGW393245:MHJ393245 MQS393245:MRF393245 NAO393245:NBB393245 NKK393245:NKX393245 NUG393245:NUT393245 OEC393245:OEP393245 ONY393245:OOL393245 OXU393245:OYH393245 PHQ393245:PID393245 PRM393245:PRZ393245 QBI393245:QBV393245 QLE393245:QLR393245 QVA393245:QVN393245 REW393245:RFJ393245 ROS393245:RPF393245 RYO393245:RZB393245 SIK393245:SIX393245 SSG393245:SST393245 TCC393245:TCP393245 TLY393245:TML393245 TVU393245:TWH393245 UFQ393245:UGD393245 UPM393245:UPZ393245 UZI393245:UZV393245 VJE393245:VJR393245 VTA393245:VTN393245 WCW393245:WDJ393245 WMS393245:WNF393245 WWO393245:WXB393245 AG458781:AT458781 KC458781:KP458781 TY458781:UL458781 ADU458781:AEH458781 ANQ458781:AOD458781 AXM458781:AXZ458781 BHI458781:BHV458781 BRE458781:BRR458781 CBA458781:CBN458781 CKW458781:CLJ458781 CUS458781:CVF458781 DEO458781:DFB458781 DOK458781:DOX458781 DYG458781:DYT458781 EIC458781:EIP458781 ERY458781:ESL458781 FBU458781:FCH458781 FLQ458781:FMD458781 FVM458781:FVZ458781 GFI458781:GFV458781 GPE458781:GPR458781 GZA458781:GZN458781 HIW458781:HJJ458781 HSS458781:HTF458781 ICO458781:IDB458781 IMK458781:IMX458781 IWG458781:IWT458781 JGC458781:JGP458781 JPY458781:JQL458781 JZU458781:KAH458781 KJQ458781:KKD458781 KTM458781:KTZ458781 LDI458781:LDV458781 LNE458781:LNR458781 LXA458781:LXN458781 MGW458781:MHJ458781 MQS458781:MRF458781 NAO458781:NBB458781 NKK458781:NKX458781 NUG458781:NUT458781 OEC458781:OEP458781 ONY458781:OOL458781 OXU458781:OYH458781 PHQ458781:PID458781 PRM458781:PRZ458781 QBI458781:QBV458781 QLE458781:QLR458781 QVA458781:QVN458781 REW458781:RFJ458781 ROS458781:RPF458781 RYO458781:RZB458781 SIK458781:SIX458781 SSG458781:SST458781 TCC458781:TCP458781 TLY458781:TML458781 TVU458781:TWH458781 UFQ458781:UGD458781 UPM458781:UPZ458781 UZI458781:UZV458781 VJE458781:VJR458781 VTA458781:VTN458781 WCW458781:WDJ458781 WMS458781:WNF458781 WWO458781:WXB458781 AG524317:AT524317 KC524317:KP524317 TY524317:UL524317 ADU524317:AEH524317 ANQ524317:AOD524317 AXM524317:AXZ524317 BHI524317:BHV524317 BRE524317:BRR524317 CBA524317:CBN524317 CKW524317:CLJ524317 CUS524317:CVF524317 DEO524317:DFB524317 DOK524317:DOX524317 DYG524317:DYT524317 EIC524317:EIP524317 ERY524317:ESL524317 FBU524317:FCH524317 FLQ524317:FMD524317 FVM524317:FVZ524317 GFI524317:GFV524317 GPE524317:GPR524317 GZA524317:GZN524317 HIW524317:HJJ524317 HSS524317:HTF524317 ICO524317:IDB524317 IMK524317:IMX524317 IWG524317:IWT524317 JGC524317:JGP524317 JPY524317:JQL524317 JZU524317:KAH524317 KJQ524317:KKD524317 KTM524317:KTZ524317 LDI524317:LDV524317 LNE524317:LNR524317 LXA524317:LXN524317 MGW524317:MHJ524317 MQS524317:MRF524317 NAO524317:NBB524317 NKK524317:NKX524317 NUG524317:NUT524317 OEC524317:OEP524317 ONY524317:OOL524317 OXU524317:OYH524317 PHQ524317:PID524317 PRM524317:PRZ524317 QBI524317:QBV524317 QLE524317:QLR524317 QVA524317:QVN524317 REW524317:RFJ524317 ROS524317:RPF524317 RYO524317:RZB524317 SIK524317:SIX524317 SSG524317:SST524317 TCC524317:TCP524317 TLY524317:TML524317 TVU524317:TWH524317 UFQ524317:UGD524317 UPM524317:UPZ524317 UZI524317:UZV524317 VJE524317:VJR524317 VTA524317:VTN524317 WCW524317:WDJ524317 WMS524317:WNF524317 WWO524317:WXB524317 AG589853:AT589853 KC589853:KP589853 TY589853:UL589853 ADU589853:AEH589853 ANQ589853:AOD589853 AXM589853:AXZ589853 BHI589853:BHV589853 BRE589853:BRR589853 CBA589853:CBN589853 CKW589853:CLJ589853 CUS589853:CVF589853 DEO589853:DFB589853 DOK589853:DOX589853 DYG589853:DYT589853 EIC589853:EIP589853 ERY589853:ESL589853 FBU589853:FCH589853 FLQ589853:FMD589853 FVM589853:FVZ589853 GFI589853:GFV589853 GPE589853:GPR589853 GZA589853:GZN589853 HIW589853:HJJ589853 HSS589853:HTF589853 ICO589853:IDB589853 IMK589853:IMX589853 IWG589853:IWT589853 JGC589853:JGP589853 JPY589853:JQL589853 JZU589853:KAH589853 KJQ589853:KKD589853 KTM589853:KTZ589853 LDI589853:LDV589853 LNE589853:LNR589853 LXA589853:LXN589853 MGW589853:MHJ589853 MQS589853:MRF589853 NAO589853:NBB589853 NKK589853:NKX589853 NUG589853:NUT589853 OEC589853:OEP589853 ONY589853:OOL589853 OXU589853:OYH589853 PHQ589853:PID589853 PRM589853:PRZ589853 QBI589853:QBV589853 QLE589853:QLR589853 QVA589853:QVN589853 REW589853:RFJ589853 ROS589853:RPF589853 RYO589853:RZB589853 SIK589853:SIX589853 SSG589853:SST589853 TCC589853:TCP589853 TLY589853:TML589853 TVU589853:TWH589853 UFQ589853:UGD589853 UPM589853:UPZ589853 UZI589853:UZV589853 VJE589853:VJR589853 VTA589853:VTN589853 WCW589853:WDJ589853 WMS589853:WNF589853 WWO589853:WXB589853 AG655389:AT655389 KC655389:KP655389 TY655389:UL655389 ADU655389:AEH655389 ANQ655389:AOD655389 AXM655389:AXZ655389 BHI655389:BHV655389 BRE655389:BRR655389 CBA655389:CBN655389 CKW655389:CLJ655389 CUS655389:CVF655389 DEO655389:DFB655389 DOK655389:DOX655389 DYG655389:DYT655389 EIC655389:EIP655389 ERY655389:ESL655389 FBU655389:FCH655389 FLQ655389:FMD655389 FVM655389:FVZ655389 GFI655389:GFV655389 GPE655389:GPR655389 GZA655389:GZN655389 HIW655389:HJJ655389 HSS655389:HTF655389 ICO655389:IDB655389 IMK655389:IMX655389 IWG655389:IWT655389 JGC655389:JGP655389 JPY655389:JQL655389 JZU655389:KAH655389 KJQ655389:KKD655389 KTM655389:KTZ655389 LDI655389:LDV655389 LNE655389:LNR655389 LXA655389:LXN655389 MGW655389:MHJ655389 MQS655389:MRF655389 NAO655389:NBB655389 NKK655389:NKX655389 NUG655389:NUT655389 OEC655389:OEP655389 ONY655389:OOL655389 OXU655389:OYH655389 PHQ655389:PID655389 PRM655389:PRZ655389 QBI655389:QBV655389 QLE655389:QLR655389 QVA655389:QVN655389 REW655389:RFJ655389 ROS655389:RPF655389 RYO655389:RZB655389 SIK655389:SIX655389 SSG655389:SST655389 TCC655389:TCP655389 TLY655389:TML655389 TVU655389:TWH655389 UFQ655389:UGD655389 UPM655389:UPZ655389 UZI655389:UZV655389 VJE655389:VJR655389 VTA655389:VTN655389 WCW655389:WDJ655389 WMS655389:WNF655389 WWO655389:WXB655389 AG720925:AT720925 KC720925:KP720925 TY720925:UL720925 ADU720925:AEH720925 ANQ720925:AOD720925 AXM720925:AXZ720925 BHI720925:BHV720925 BRE720925:BRR720925 CBA720925:CBN720925 CKW720925:CLJ720925 CUS720925:CVF720925 DEO720925:DFB720925 DOK720925:DOX720925 DYG720925:DYT720925 EIC720925:EIP720925 ERY720925:ESL720925 FBU720925:FCH720925 FLQ720925:FMD720925 FVM720925:FVZ720925 GFI720925:GFV720925 GPE720925:GPR720925 GZA720925:GZN720925 HIW720925:HJJ720925 HSS720925:HTF720925 ICO720925:IDB720925 IMK720925:IMX720925 IWG720925:IWT720925 JGC720925:JGP720925 JPY720925:JQL720925 JZU720925:KAH720925 KJQ720925:KKD720925 KTM720925:KTZ720925 LDI720925:LDV720925 LNE720925:LNR720925 LXA720925:LXN720925 MGW720925:MHJ720925 MQS720925:MRF720925 NAO720925:NBB720925 NKK720925:NKX720925 NUG720925:NUT720925 OEC720925:OEP720925 ONY720925:OOL720925 OXU720925:OYH720925 PHQ720925:PID720925 PRM720925:PRZ720925 QBI720925:QBV720925 QLE720925:QLR720925 QVA720925:QVN720925 REW720925:RFJ720925 ROS720925:RPF720925 RYO720925:RZB720925 SIK720925:SIX720925 SSG720925:SST720925 TCC720925:TCP720925 TLY720925:TML720925 TVU720925:TWH720925 UFQ720925:UGD720925 UPM720925:UPZ720925 UZI720925:UZV720925 VJE720925:VJR720925 VTA720925:VTN720925 WCW720925:WDJ720925 WMS720925:WNF720925 WWO720925:WXB720925 AG786461:AT786461 KC786461:KP786461 TY786461:UL786461 ADU786461:AEH786461 ANQ786461:AOD786461 AXM786461:AXZ786461 BHI786461:BHV786461 BRE786461:BRR786461 CBA786461:CBN786461 CKW786461:CLJ786461 CUS786461:CVF786461 DEO786461:DFB786461 DOK786461:DOX786461 DYG786461:DYT786461 EIC786461:EIP786461 ERY786461:ESL786461 FBU786461:FCH786461 FLQ786461:FMD786461 FVM786461:FVZ786461 GFI786461:GFV786461 GPE786461:GPR786461 GZA786461:GZN786461 HIW786461:HJJ786461 HSS786461:HTF786461 ICO786461:IDB786461 IMK786461:IMX786461 IWG786461:IWT786461 JGC786461:JGP786461 JPY786461:JQL786461 JZU786461:KAH786461 KJQ786461:KKD786461 KTM786461:KTZ786461 LDI786461:LDV786461 LNE786461:LNR786461 LXA786461:LXN786461 MGW786461:MHJ786461 MQS786461:MRF786461 NAO786461:NBB786461 NKK786461:NKX786461 NUG786461:NUT786461 OEC786461:OEP786461 ONY786461:OOL786461 OXU786461:OYH786461 PHQ786461:PID786461 PRM786461:PRZ786461 QBI786461:QBV786461 QLE786461:QLR786461 QVA786461:QVN786461 REW786461:RFJ786461 ROS786461:RPF786461 RYO786461:RZB786461 SIK786461:SIX786461 SSG786461:SST786461 TCC786461:TCP786461 TLY786461:TML786461 TVU786461:TWH786461 UFQ786461:UGD786461 UPM786461:UPZ786461 UZI786461:UZV786461 VJE786461:VJR786461 VTA786461:VTN786461 WCW786461:WDJ786461 WMS786461:WNF786461 WWO786461:WXB786461 AG851997:AT851997 KC851997:KP851997 TY851997:UL851997 ADU851997:AEH851997 ANQ851997:AOD851997 AXM851997:AXZ851997 BHI851997:BHV851997 BRE851997:BRR851997 CBA851997:CBN851997 CKW851997:CLJ851997 CUS851997:CVF851997 DEO851997:DFB851997 DOK851997:DOX851997 DYG851997:DYT851997 EIC851997:EIP851997 ERY851997:ESL851997 FBU851997:FCH851997 FLQ851997:FMD851997 FVM851997:FVZ851997 GFI851997:GFV851997 GPE851997:GPR851997 GZA851997:GZN851997 HIW851997:HJJ851997 HSS851997:HTF851997 ICO851997:IDB851997 IMK851997:IMX851997 IWG851997:IWT851997 JGC851997:JGP851997 JPY851997:JQL851997 JZU851997:KAH851997 KJQ851997:KKD851997 KTM851997:KTZ851997 LDI851997:LDV851997 LNE851997:LNR851997 LXA851997:LXN851997 MGW851997:MHJ851997 MQS851997:MRF851997 NAO851997:NBB851997 NKK851997:NKX851997 NUG851997:NUT851997 OEC851997:OEP851997 ONY851997:OOL851997 OXU851997:OYH851997 PHQ851997:PID851997 PRM851997:PRZ851997 QBI851997:QBV851997 QLE851997:QLR851997 QVA851997:QVN851997 REW851997:RFJ851997 ROS851997:RPF851997 RYO851997:RZB851997 SIK851997:SIX851997 SSG851997:SST851997 TCC851997:TCP851997 TLY851997:TML851997 TVU851997:TWH851997 UFQ851997:UGD851997 UPM851997:UPZ851997 UZI851997:UZV851997 VJE851997:VJR851997 VTA851997:VTN851997 WCW851997:WDJ851997 WMS851997:WNF851997 WWO851997:WXB851997 AG917533:AT917533 KC917533:KP917533 TY917533:UL917533 ADU917533:AEH917533 ANQ917533:AOD917533 AXM917533:AXZ917533 BHI917533:BHV917533 BRE917533:BRR917533 CBA917533:CBN917533 CKW917533:CLJ917533 CUS917533:CVF917533 DEO917533:DFB917533 DOK917533:DOX917533 DYG917533:DYT917533 EIC917533:EIP917533 ERY917533:ESL917533 FBU917533:FCH917533 FLQ917533:FMD917533 FVM917533:FVZ917533 GFI917533:GFV917533 GPE917533:GPR917533 GZA917533:GZN917533 HIW917533:HJJ917533 HSS917533:HTF917533 ICO917533:IDB917533 IMK917533:IMX917533 IWG917533:IWT917533 JGC917533:JGP917533 JPY917533:JQL917533 JZU917533:KAH917533 KJQ917533:KKD917533 KTM917533:KTZ917533 LDI917533:LDV917533 LNE917533:LNR917533 LXA917533:LXN917533 MGW917533:MHJ917533 MQS917533:MRF917533 NAO917533:NBB917533 NKK917533:NKX917533 NUG917533:NUT917533 OEC917533:OEP917533 ONY917533:OOL917533 OXU917533:OYH917533 PHQ917533:PID917533 PRM917533:PRZ917533 QBI917533:QBV917533 QLE917533:QLR917533 QVA917533:QVN917533 REW917533:RFJ917533 ROS917533:RPF917533 RYO917533:RZB917533 SIK917533:SIX917533 SSG917533:SST917533 TCC917533:TCP917533 TLY917533:TML917533 TVU917533:TWH917533 UFQ917533:UGD917533 UPM917533:UPZ917533 UZI917533:UZV917533 VJE917533:VJR917533 VTA917533:VTN917533 WCW917533:WDJ917533 WMS917533:WNF917533 WWO917533:WXB917533 AG983069:AT983069 KC983069:KP983069 TY983069:UL983069 ADU983069:AEH983069 ANQ983069:AOD983069 AXM983069:AXZ983069 BHI983069:BHV983069 BRE983069:BRR983069 CBA983069:CBN983069 CKW983069:CLJ983069 CUS983069:CVF983069 DEO983069:DFB983069 DOK983069:DOX983069 DYG983069:DYT983069 EIC983069:EIP983069 ERY983069:ESL983069 FBU983069:FCH983069 FLQ983069:FMD983069 FVM983069:FVZ983069 GFI983069:GFV983069 GPE983069:GPR983069 GZA983069:GZN983069 HIW983069:HJJ983069 HSS983069:HTF983069 ICO983069:IDB983069 IMK983069:IMX983069 IWG983069:IWT983069 JGC983069:JGP983069 JPY983069:JQL983069 JZU983069:KAH983069 KJQ983069:KKD983069 KTM983069:KTZ983069 LDI983069:LDV983069 LNE983069:LNR983069 LXA983069:LXN983069 MGW983069:MHJ983069 MQS983069:MRF983069 NAO983069:NBB983069 NKK983069:NKX983069 NUG983069:NUT983069 OEC983069:OEP983069 ONY983069:OOL983069 OXU983069:OYH983069 PHQ983069:PID983069 PRM983069:PRZ983069 QBI983069:QBV983069 QLE983069:QLR983069 QVA983069:QVN983069 REW983069:RFJ983069 ROS983069:RPF983069 RYO983069:RZB983069 SIK983069:SIX983069 SSG983069:SST983069 TCC983069:TCP983069 TLY983069:TML983069 TVU983069:TWH983069 UFQ983069:UGD983069 UPM983069:UPZ983069 UZI983069:UZV983069 VJE983069:VJR983069 VTA983069:VTN983069 WCW983069:WDJ983069 WMS983069:WNF983069 WWO983069:WXB983069 AG30:AT30 KC30:KP30 TY30:UL30 ADU30:AEH30 ANQ30:AOD30 AXM30:AXZ30 BHI30:BHV30 BRE30:BRR30 CBA30:CBN30 CKW30:CLJ30 CUS30:CVF30 DEO30:DFB30 DOK30:DOX30 DYG30:DYT30 EIC30:EIP30 ERY30:ESL30 FBU30:FCH30 FLQ30:FMD30 FVM30:FVZ30 GFI30:GFV30 GPE30:GPR30 GZA30:GZN30 HIW30:HJJ30 HSS30:HTF30 ICO30:IDB30 IMK30:IMX30 IWG30:IWT30 JGC30:JGP30 JPY30:JQL30 JZU30:KAH30 KJQ30:KKD30 KTM30:KTZ30 LDI30:LDV30 LNE30:LNR30 LXA30:LXN30 MGW30:MHJ30 MQS30:MRF30 NAO30:NBB30 NKK30:NKX30 NUG30:NUT30 OEC30:OEP30 ONY30:OOL30 OXU30:OYH30 PHQ30:PID30 PRM30:PRZ30 QBI30:QBV30 QLE30:QLR30 QVA30:QVN30 REW30:RFJ30 ROS30:RPF30 RYO30:RZB30 SIK30:SIX30 SSG30:SST30 TCC30:TCP30 TLY30:TML30 TVU30:TWH30 UFQ30:UGD30 UPM30:UPZ30 UZI30:UZV30 VJE30:VJR30 VTA30:VTN30 WCW30:WDJ30 WMS30:WNF30 WWO30:WXB30 AG65567:AT65567 KC65567:KP65567 TY65567:UL65567 ADU65567:AEH65567 ANQ65567:AOD65567 AXM65567:AXZ65567 BHI65567:BHV65567 BRE65567:BRR65567 CBA65567:CBN65567 CKW65567:CLJ65567 CUS65567:CVF65567 DEO65567:DFB65567 DOK65567:DOX65567 DYG65567:DYT65567 EIC65567:EIP65567 ERY65567:ESL65567 FBU65567:FCH65567 FLQ65567:FMD65567 FVM65567:FVZ65567 GFI65567:GFV65567 GPE65567:GPR65567 GZA65567:GZN65567 HIW65567:HJJ65567 HSS65567:HTF65567 ICO65567:IDB65567 IMK65567:IMX65567 IWG65567:IWT65567 JGC65567:JGP65567 JPY65567:JQL65567 JZU65567:KAH65567 KJQ65567:KKD65567 KTM65567:KTZ65567 LDI65567:LDV65567 LNE65567:LNR65567 LXA65567:LXN65567 MGW65567:MHJ65567 MQS65567:MRF65567 NAO65567:NBB65567 NKK65567:NKX65567 NUG65567:NUT65567 OEC65567:OEP65567 ONY65567:OOL65567 OXU65567:OYH65567 PHQ65567:PID65567 PRM65567:PRZ65567 QBI65567:QBV65567 QLE65567:QLR65567 QVA65567:QVN65567 REW65567:RFJ65567 ROS65567:RPF65567 RYO65567:RZB65567 SIK65567:SIX65567 SSG65567:SST65567 TCC65567:TCP65567 TLY65567:TML65567 TVU65567:TWH65567 UFQ65567:UGD65567 UPM65567:UPZ65567 UZI65567:UZV65567 VJE65567:VJR65567 VTA65567:VTN65567 WCW65567:WDJ65567 WMS65567:WNF65567 WWO65567:WXB65567 AG131103:AT131103 KC131103:KP131103 TY131103:UL131103 ADU131103:AEH131103 ANQ131103:AOD131103 AXM131103:AXZ131103 BHI131103:BHV131103 BRE131103:BRR131103 CBA131103:CBN131103 CKW131103:CLJ131103 CUS131103:CVF131103 DEO131103:DFB131103 DOK131103:DOX131103 DYG131103:DYT131103 EIC131103:EIP131103 ERY131103:ESL131103 FBU131103:FCH131103 FLQ131103:FMD131103 FVM131103:FVZ131103 GFI131103:GFV131103 GPE131103:GPR131103 GZA131103:GZN131103 HIW131103:HJJ131103 HSS131103:HTF131103 ICO131103:IDB131103 IMK131103:IMX131103 IWG131103:IWT131103 JGC131103:JGP131103 JPY131103:JQL131103 JZU131103:KAH131103 KJQ131103:KKD131103 KTM131103:KTZ131103 LDI131103:LDV131103 LNE131103:LNR131103 LXA131103:LXN131103 MGW131103:MHJ131103 MQS131103:MRF131103 NAO131103:NBB131103 NKK131103:NKX131103 NUG131103:NUT131103 OEC131103:OEP131103 ONY131103:OOL131103 OXU131103:OYH131103 PHQ131103:PID131103 PRM131103:PRZ131103 QBI131103:QBV131103 QLE131103:QLR131103 QVA131103:QVN131103 REW131103:RFJ131103 ROS131103:RPF131103 RYO131103:RZB131103 SIK131103:SIX131103 SSG131103:SST131103 TCC131103:TCP131103 TLY131103:TML131103 TVU131103:TWH131103 UFQ131103:UGD131103 UPM131103:UPZ131103 UZI131103:UZV131103 VJE131103:VJR131103 VTA131103:VTN131103 WCW131103:WDJ131103 WMS131103:WNF131103 WWO131103:WXB131103 AG196639:AT196639 KC196639:KP196639 TY196639:UL196639 ADU196639:AEH196639 ANQ196639:AOD196639 AXM196639:AXZ196639 BHI196639:BHV196639 BRE196639:BRR196639 CBA196639:CBN196639 CKW196639:CLJ196639 CUS196639:CVF196639 DEO196639:DFB196639 DOK196639:DOX196639 DYG196639:DYT196639 EIC196639:EIP196639 ERY196639:ESL196639 FBU196639:FCH196639 FLQ196639:FMD196639 FVM196639:FVZ196639 GFI196639:GFV196639 GPE196639:GPR196639 GZA196639:GZN196639 HIW196639:HJJ196639 HSS196639:HTF196639 ICO196639:IDB196639 IMK196639:IMX196639 IWG196639:IWT196639 JGC196639:JGP196639 JPY196639:JQL196639 JZU196639:KAH196639 KJQ196639:KKD196639 KTM196639:KTZ196639 LDI196639:LDV196639 LNE196639:LNR196639 LXA196639:LXN196639 MGW196639:MHJ196639 MQS196639:MRF196639 NAO196639:NBB196639 NKK196639:NKX196639 NUG196639:NUT196639 OEC196639:OEP196639 ONY196639:OOL196639 OXU196639:OYH196639 PHQ196639:PID196639 PRM196639:PRZ196639 QBI196639:QBV196639 QLE196639:QLR196639 QVA196639:QVN196639 REW196639:RFJ196639 ROS196639:RPF196639 RYO196639:RZB196639 SIK196639:SIX196639 SSG196639:SST196639 TCC196639:TCP196639 TLY196639:TML196639 TVU196639:TWH196639 UFQ196639:UGD196639 UPM196639:UPZ196639 UZI196639:UZV196639 VJE196639:VJR196639 VTA196639:VTN196639 WCW196639:WDJ196639 WMS196639:WNF196639 WWO196639:WXB196639 AG262175:AT262175 KC262175:KP262175 TY262175:UL262175 ADU262175:AEH262175 ANQ262175:AOD262175 AXM262175:AXZ262175 BHI262175:BHV262175 BRE262175:BRR262175 CBA262175:CBN262175 CKW262175:CLJ262175 CUS262175:CVF262175 DEO262175:DFB262175 DOK262175:DOX262175 DYG262175:DYT262175 EIC262175:EIP262175 ERY262175:ESL262175 FBU262175:FCH262175 FLQ262175:FMD262175 FVM262175:FVZ262175 GFI262175:GFV262175 GPE262175:GPR262175 GZA262175:GZN262175 HIW262175:HJJ262175 HSS262175:HTF262175 ICO262175:IDB262175 IMK262175:IMX262175 IWG262175:IWT262175 JGC262175:JGP262175 JPY262175:JQL262175 JZU262175:KAH262175 KJQ262175:KKD262175 KTM262175:KTZ262175 LDI262175:LDV262175 LNE262175:LNR262175 LXA262175:LXN262175 MGW262175:MHJ262175 MQS262175:MRF262175 NAO262175:NBB262175 NKK262175:NKX262175 NUG262175:NUT262175 OEC262175:OEP262175 ONY262175:OOL262175 OXU262175:OYH262175 PHQ262175:PID262175 PRM262175:PRZ262175 QBI262175:QBV262175 QLE262175:QLR262175 QVA262175:QVN262175 REW262175:RFJ262175 ROS262175:RPF262175 RYO262175:RZB262175 SIK262175:SIX262175 SSG262175:SST262175 TCC262175:TCP262175 TLY262175:TML262175 TVU262175:TWH262175 UFQ262175:UGD262175 UPM262175:UPZ262175 UZI262175:UZV262175 VJE262175:VJR262175 VTA262175:VTN262175 WCW262175:WDJ262175 WMS262175:WNF262175 WWO262175:WXB262175 AG327711:AT327711 KC327711:KP327711 TY327711:UL327711 ADU327711:AEH327711 ANQ327711:AOD327711 AXM327711:AXZ327711 BHI327711:BHV327711 BRE327711:BRR327711 CBA327711:CBN327711 CKW327711:CLJ327711 CUS327711:CVF327711 DEO327711:DFB327711 DOK327711:DOX327711 DYG327711:DYT327711 EIC327711:EIP327711 ERY327711:ESL327711 FBU327711:FCH327711 FLQ327711:FMD327711 FVM327711:FVZ327711 GFI327711:GFV327711 GPE327711:GPR327711 GZA327711:GZN327711 HIW327711:HJJ327711 HSS327711:HTF327711 ICO327711:IDB327711 IMK327711:IMX327711 IWG327711:IWT327711 JGC327711:JGP327711 JPY327711:JQL327711 JZU327711:KAH327711 KJQ327711:KKD327711 KTM327711:KTZ327711 LDI327711:LDV327711 LNE327711:LNR327711 LXA327711:LXN327711 MGW327711:MHJ327711 MQS327711:MRF327711 NAO327711:NBB327711 NKK327711:NKX327711 NUG327711:NUT327711 OEC327711:OEP327711 ONY327711:OOL327711 OXU327711:OYH327711 PHQ327711:PID327711 PRM327711:PRZ327711 QBI327711:QBV327711 QLE327711:QLR327711 QVA327711:QVN327711 REW327711:RFJ327711 ROS327711:RPF327711 RYO327711:RZB327711 SIK327711:SIX327711 SSG327711:SST327711 TCC327711:TCP327711 TLY327711:TML327711 TVU327711:TWH327711 UFQ327711:UGD327711 UPM327711:UPZ327711 UZI327711:UZV327711 VJE327711:VJR327711 VTA327711:VTN327711 WCW327711:WDJ327711 WMS327711:WNF327711 WWO327711:WXB327711 AG393247:AT393247 KC393247:KP393247 TY393247:UL393247 ADU393247:AEH393247 ANQ393247:AOD393247 AXM393247:AXZ393247 BHI393247:BHV393247 BRE393247:BRR393247 CBA393247:CBN393247 CKW393247:CLJ393247 CUS393247:CVF393247 DEO393247:DFB393247 DOK393247:DOX393247 DYG393247:DYT393247 EIC393247:EIP393247 ERY393247:ESL393247 FBU393247:FCH393247 FLQ393247:FMD393247 FVM393247:FVZ393247 GFI393247:GFV393247 GPE393247:GPR393247 GZA393247:GZN393247 HIW393247:HJJ393247 HSS393247:HTF393247 ICO393247:IDB393247 IMK393247:IMX393247 IWG393247:IWT393247 JGC393247:JGP393247 JPY393247:JQL393247 JZU393247:KAH393247 KJQ393247:KKD393247 KTM393247:KTZ393247 LDI393247:LDV393247 LNE393247:LNR393247 LXA393247:LXN393247 MGW393247:MHJ393247 MQS393247:MRF393247 NAO393247:NBB393247 NKK393247:NKX393247 NUG393247:NUT393247 OEC393247:OEP393247 ONY393247:OOL393247 OXU393247:OYH393247 PHQ393247:PID393247 PRM393247:PRZ393247 QBI393247:QBV393247 QLE393247:QLR393247 QVA393247:QVN393247 REW393247:RFJ393247 ROS393247:RPF393247 RYO393247:RZB393247 SIK393247:SIX393247 SSG393247:SST393247 TCC393247:TCP393247 TLY393247:TML393247 TVU393247:TWH393247 UFQ393247:UGD393247 UPM393247:UPZ393247 UZI393247:UZV393247 VJE393247:VJR393247 VTA393247:VTN393247 WCW393247:WDJ393247 WMS393247:WNF393247 WWO393247:WXB393247 AG458783:AT458783 KC458783:KP458783 TY458783:UL458783 ADU458783:AEH458783 ANQ458783:AOD458783 AXM458783:AXZ458783 BHI458783:BHV458783 BRE458783:BRR458783 CBA458783:CBN458783 CKW458783:CLJ458783 CUS458783:CVF458783 DEO458783:DFB458783 DOK458783:DOX458783 DYG458783:DYT458783 EIC458783:EIP458783 ERY458783:ESL458783 FBU458783:FCH458783 FLQ458783:FMD458783 FVM458783:FVZ458783 GFI458783:GFV458783 GPE458783:GPR458783 GZA458783:GZN458783 HIW458783:HJJ458783 HSS458783:HTF458783 ICO458783:IDB458783 IMK458783:IMX458783 IWG458783:IWT458783 JGC458783:JGP458783 JPY458783:JQL458783 JZU458783:KAH458783 KJQ458783:KKD458783 KTM458783:KTZ458783 LDI458783:LDV458783 LNE458783:LNR458783 LXA458783:LXN458783 MGW458783:MHJ458783 MQS458783:MRF458783 NAO458783:NBB458783 NKK458783:NKX458783 NUG458783:NUT458783 OEC458783:OEP458783 ONY458783:OOL458783 OXU458783:OYH458783 PHQ458783:PID458783 PRM458783:PRZ458783 QBI458783:QBV458783 QLE458783:QLR458783 QVA458783:QVN458783 REW458783:RFJ458783 ROS458783:RPF458783 RYO458783:RZB458783 SIK458783:SIX458783 SSG458783:SST458783 TCC458783:TCP458783 TLY458783:TML458783 TVU458783:TWH458783 UFQ458783:UGD458783 UPM458783:UPZ458783 UZI458783:UZV458783 VJE458783:VJR458783 VTA458783:VTN458783 WCW458783:WDJ458783 WMS458783:WNF458783 WWO458783:WXB458783 AG524319:AT524319 KC524319:KP524319 TY524319:UL524319 ADU524319:AEH524319 ANQ524319:AOD524319 AXM524319:AXZ524319 BHI524319:BHV524319 BRE524319:BRR524319 CBA524319:CBN524319 CKW524319:CLJ524319 CUS524319:CVF524319 DEO524319:DFB524319 DOK524319:DOX524319 DYG524319:DYT524319 EIC524319:EIP524319 ERY524319:ESL524319 FBU524319:FCH524319 FLQ524319:FMD524319 FVM524319:FVZ524319 GFI524319:GFV524319 GPE524319:GPR524319 GZA524319:GZN524319 HIW524319:HJJ524319 HSS524319:HTF524319 ICO524319:IDB524319 IMK524319:IMX524319 IWG524319:IWT524319 JGC524319:JGP524319 JPY524319:JQL524319 JZU524319:KAH524319 KJQ524319:KKD524319 KTM524319:KTZ524319 LDI524319:LDV524319 LNE524319:LNR524319 LXA524319:LXN524319 MGW524319:MHJ524319 MQS524319:MRF524319 NAO524319:NBB524319 NKK524319:NKX524319 NUG524319:NUT524319 OEC524319:OEP524319 ONY524319:OOL524319 OXU524319:OYH524319 PHQ524319:PID524319 PRM524319:PRZ524319 QBI524319:QBV524319 QLE524319:QLR524319 QVA524319:QVN524319 REW524319:RFJ524319 ROS524319:RPF524319 RYO524319:RZB524319 SIK524319:SIX524319 SSG524319:SST524319 TCC524319:TCP524319 TLY524319:TML524319 TVU524319:TWH524319 UFQ524319:UGD524319 UPM524319:UPZ524319 UZI524319:UZV524319 VJE524319:VJR524319 VTA524319:VTN524319 WCW524319:WDJ524319 WMS524319:WNF524319 WWO524319:WXB524319 AG589855:AT589855 KC589855:KP589855 TY589855:UL589855 ADU589855:AEH589855 ANQ589855:AOD589855 AXM589855:AXZ589855 BHI589855:BHV589855 BRE589855:BRR589855 CBA589855:CBN589855 CKW589855:CLJ589855 CUS589855:CVF589855 DEO589855:DFB589855 DOK589855:DOX589855 DYG589855:DYT589855 EIC589855:EIP589855 ERY589855:ESL589855 FBU589855:FCH589855 FLQ589855:FMD589855 FVM589855:FVZ589855 GFI589855:GFV589855 GPE589855:GPR589855 GZA589855:GZN589855 HIW589855:HJJ589855 HSS589855:HTF589855 ICO589855:IDB589855 IMK589855:IMX589855 IWG589855:IWT589855 JGC589855:JGP589855 JPY589855:JQL589855 JZU589855:KAH589855 KJQ589855:KKD589855 KTM589855:KTZ589855 LDI589855:LDV589855 LNE589855:LNR589855 LXA589855:LXN589855 MGW589855:MHJ589855 MQS589855:MRF589855 NAO589855:NBB589855 NKK589855:NKX589855 NUG589855:NUT589855 OEC589855:OEP589855 ONY589855:OOL589855 OXU589855:OYH589855 PHQ589855:PID589855 PRM589855:PRZ589855 QBI589855:QBV589855 QLE589855:QLR589855 QVA589855:QVN589855 REW589855:RFJ589855 ROS589855:RPF589855 RYO589855:RZB589855 SIK589855:SIX589855 SSG589855:SST589855 TCC589855:TCP589855 TLY589855:TML589855 TVU589855:TWH589855 UFQ589855:UGD589855 UPM589855:UPZ589855 UZI589855:UZV589855 VJE589855:VJR589855 VTA589855:VTN589855 WCW589855:WDJ589855 WMS589855:WNF589855 WWO589855:WXB589855 AG655391:AT655391 KC655391:KP655391 TY655391:UL655391 ADU655391:AEH655391 ANQ655391:AOD655391 AXM655391:AXZ655391 BHI655391:BHV655391 BRE655391:BRR655391 CBA655391:CBN655391 CKW655391:CLJ655391 CUS655391:CVF655391 DEO655391:DFB655391 DOK655391:DOX655391 DYG655391:DYT655391 EIC655391:EIP655391 ERY655391:ESL655391 FBU655391:FCH655391 FLQ655391:FMD655391 FVM655391:FVZ655391 GFI655391:GFV655391 GPE655391:GPR655391 GZA655391:GZN655391 HIW655391:HJJ655391 HSS655391:HTF655391 ICO655391:IDB655391 IMK655391:IMX655391 IWG655391:IWT655391 JGC655391:JGP655391 JPY655391:JQL655391 JZU655391:KAH655391 KJQ655391:KKD655391 KTM655391:KTZ655391 LDI655391:LDV655391 LNE655391:LNR655391 LXA655391:LXN655391 MGW655391:MHJ655391 MQS655391:MRF655391 NAO655391:NBB655391 NKK655391:NKX655391 NUG655391:NUT655391 OEC655391:OEP655391 ONY655391:OOL655391 OXU655391:OYH655391 PHQ655391:PID655391 PRM655391:PRZ655391 QBI655391:QBV655391 QLE655391:QLR655391 QVA655391:QVN655391 REW655391:RFJ655391 ROS655391:RPF655391 RYO655391:RZB655391 SIK655391:SIX655391 SSG655391:SST655391 TCC655391:TCP655391 TLY655391:TML655391 TVU655391:TWH655391 UFQ655391:UGD655391 UPM655391:UPZ655391 UZI655391:UZV655391 VJE655391:VJR655391 VTA655391:VTN655391 WCW655391:WDJ655391 WMS655391:WNF655391 WWO655391:WXB655391 AG720927:AT720927 KC720927:KP720927 TY720927:UL720927 ADU720927:AEH720927 ANQ720927:AOD720927 AXM720927:AXZ720927 BHI720927:BHV720927 BRE720927:BRR720927 CBA720927:CBN720927 CKW720927:CLJ720927 CUS720927:CVF720927 DEO720927:DFB720927 DOK720927:DOX720927 DYG720927:DYT720927 EIC720927:EIP720927 ERY720927:ESL720927 FBU720927:FCH720927 FLQ720927:FMD720927 FVM720927:FVZ720927 GFI720927:GFV720927 GPE720927:GPR720927 GZA720927:GZN720927 HIW720927:HJJ720927 HSS720927:HTF720927 ICO720927:IDB720927 IMK720927:IMX720927 IWG720927:IWT720927 JGC720927:JGP720927 JPY720927:JQL720927 JZU720927:KAH720927 KJQ720927:KKD720927 KTM720927:KTZ720927 LDI720927:LDV720927 LNE720927:LNR720927 LXA720927:LXN720927 MGW720927:MHJ720927 MQS720927:MRF720927 NAO720927:NBB720927 NKK720927:NKX720927 NUG720927:NUT720927 OEC720927:OEP720927 ONY720927:OOL720927 OXU720927:OYH720927 PHQ720927:PID720927 PRM720927:PRZ720927 QBI720927:QBV720927 QLE720927:QLR720927 QVA720927:QVN720927 REW720927:RFJ720927 ROS720927:RPF720927 RYO720927:RZB720927 SIK720927:SIX720927 SSG720927:SST720927 TCC720927:TCP720927 TLY720927:TML720927 TVU720927:TWH720927 UFQ720927:UGD720927 UPM720927:UPZ720927 UZI720927:UZV720927 VJE720927:VJR720927 VTA720927:VTN720927 WCW720927:WDJ720927 WMS720927:WNF720927 WWO720927:WXB720927 AG786463:AT786463 KC786463:KP786463 TY786463:UL786463 ADU786463:AEH786463 ANQ786463:AOD786463 AXM786463:AXZ786463 BHI786463:BHV786463 BRE786463:BRR786463 CBA786463:CBN786463 CKW786463:CLJ786463 CUS786463:CVF786463 DEO786463:DFB786463 DOK786463:DOX786463 DYG786463:DYT786463 EIC786463:EIP786463 ERY786463:ESL786463 FBU786463:FCH786463 FLQ786463:FMD786463 FVM786463:FVZ786463 GFI786463:GFV786463 GPE786463:GPR786463 GZA786463:GZN786463 HIW786463:HJJ786463 HSS786463:HTF786463 ICO786463:IDB786463 IMK786463:IMX786463 IWG786463:IWT786463 JGC786463:JGP786463 JPY786463:JQL786463 JZU786463:KAH786463 KJQ786463:KKD786463 KTM786463:KTZ786463 LDI786463:LDV786463 LNE786463:LNR786463 LXA786463:LXN786463 MGW786463:MHJ786463 MQS786463:MRF786463 NAO786463:NBB786463 NKK786463:NKX786463 NUG786463:NUT786463 OEC786463:OEP786463 ONY786463:OOL786463 OXU786463:OYH786463 PHQ786463:PID786463 PRM786463:PRZ786463 QBI786463:QBV786463 QLE786463:QLR786463 QVA786463:QVN786463 REW786463:RFJ786463 ROS786463:RPF786463 RYO786463:RZB786463 SIK786463:SIX786463 SSG786463:SST786463 TCC786463:TCP786463 TLY786463:TML786463 TVU786463:TWH786463 UFQ786463:UGD786463 UPM786463:UPZ786463 UZI786463:UZV786463 VJE786463:VJR786463 VTA786463:VTN786463 WCW786463:WDJ786463 WMS786463:WNF786463 WWO786463:WXB786463 AG851999:AT851999 KC851999:KP851999 TY851999:UL851999 ADU851999:AEH851999 ANQ851999:AOD851999 AXM851999:AXZ851999 BHI851999:BHV851999 BRE851999:BRR851999 CBA851999:CBN851999 CKW851999:CLJ851999 CUS851999:CVF851999 DEO851999:DFB851999 DOK851999:DOX851999 DYG851999:DYT851999 EIC851999:EIP851999 ERY851999:ESL851999 FBU851999:FCH851999 FLQ851999:FMD851999 FVM851999:FVZ851999 GFI851999:GFV851999 GPE851999:GPR851999 GZA851999:GZN851999 HIW851999:HJJ851999 HSS851999:HTF851999 ICO851999:IDB851999 IMK851999:IMX851999 IWG851999:IWT851999 JGC851999:JGP851999 JPY851999:JQL851999 JZU851999:KAH851999 KJQ851999:KKD851999 KTM851999:KTZ851999 LDI851999:LDV851999 LNE851999:LNR851999 LXA851999:LXN851999 MGW851999:MHJ851999 MQS851999:MRF851999 NAO851999:NBB851999 NKK851999:NKX851999 NUG851999:NUT851999 OEC851999:OEP851999 ONY851999:OOL851999 OXU851999:OYH851999 PHQ851999:PID851999 PRM851999:PRZ851999 QBI851999:QBV851999 QLE851999:QLR851999 QVA851999:QVN851999 REW851999:RFJ851999 ROS851999:RPF851999 RYO851999:RZB851999 SIK851999:SIX851999 SSG851999:SST851999 TCC851999:TCP851999 TLY851999:TML851999 TVU851999:TWH851999 UFQ851999:UGD851999 UPM851999:UPZ851999 UZI851999:UZV851999 VJE851999:VJR851999 VTA851999:VTN851999 WCW851999:WDJ851999 WMS851999:WNF851999 WWO851999:WXB851999 AG917535:AT917535 KC917535:KP917535 TY917535:UL917535 ADU917535:AEH917535 ANQ917535:AOD917535 AXM917535:AXZ917535 BHI917535:BHV917535 BRE917535:BRR917535 CBA917535:CBN917535 CKW917535:CLJ917535 CUS917535:CVF917535 DEO917535:DFB917535 DOK917535:DOX917535 DYG917535:DYT917535 EIC917535:EIP917535 ERY917535:ESL917535 FBU917535:FCH917535 FLQ917535:FMD917535 FVM917535:FVZ917535 GFI917535:GFV917535 GPE917535:GPR917535 GZA917535:GZN917535 HIW917535:HJJ917535 HSS917535:HTF917535 ICO917535:IDB917535 IMK917535:IMX917535 IWG917535:IWT917535 JGC917535:JGP917535 JPY917535:JQL917535 JZU917535:KAH917535 KJQ917535:KKD917535 KTM917535:KTZ917535 LDI917535:LDV917535 LNE917535:LNR917535 LXA917535:LXN917535 MGW917535:MHJ917535 MQS917535:MRF917535 NAO917535:NBB917535 NKK917535:NKX917535 NUG917535:NUT917535 OEC917535:OEP917535 ONY917535:OOL917535 OXU917535:OYH917535 PHQ917535:PID917535 PRM917535:PRZ917535 QBI917535:QBV917535 QLE917535:QLR917535 QVA917535:QVN917535 REW917535:RFJ917535 ROS917535:RPF917535 RYO917535:RZB917535 SIK917535:SIX917535 SSG917535:SST917535 TCC917535:TCP917535 TLY917535:TML917535 TVU917535:TWH917535 UFQ917535:UGD917535 UPM917535:UPZ917535 UZI917535:UZV917535 VJE917535:VJR917535 VTA917535:VTN917535 WCW917535:WDJ917535 WMS917535:WNF917535 WWO917535:WXB917535 AG983071:AT983071 KC983071:KP983071 TY983071:UL983071 ADU983071:AEH983071 ANQ983071:AOD983071 AXM983071:AXZ983071 BHI983071:BHV983071 BRE983071:BRR983071 CBA983071:CBN983071 CKW983071:CLJ983071 CUS983071:CVF983071 DEO983071:DFB983071 DOK983071:DOX983071 DYG983071:DYT983071 EIC983071:EIP983071 ERY983071:ESL983071 FBU983071:FCH983071 FLQ983071:FMD983071 FVM983071:FVZ983071 GFI983071:GFV983071 GPE983071:GPR983071 GZA983071:GZN983071 HIW983071:HJJ983071 HSS983071:HTF983071 ICO983071:IDB983071 IMK983071:IMX983071 IWG983071:IWT983071 JGC983071:JGP983071 JPY983071:JQL983071 JZU983071:KAH983071 KJQ983071:KKD983071 KTM983071:KTZ983071 LDI983071:LDV983071 LNE983071:LNR983071 LXA983071:LXN983071 MGW983071:MHJ983071 MQS983071:MRF983071 NAO983071:NBB983071 NKK983071:NKX983071 NUG983071:NUT983071 OEC983071:OEP983071 ONY983071:OOL983071 OXU983071:OYH983071 PHQ983071:PID983071 PRM983071:PRZ983071 QBI983071:QBV983071 QLE983071:QLR983071 QVA983071:QVN983071 REW983071:RFJ983071 ROS983071:RPF983071 RYO983071:RZB983071 SIK983071:SIX983071 SSG983071:SST983071 TCC983071:TCP983071 TLY983071:TML983071 TVU983071:TWH983071 UFQ983071:UGD983071 UPM983071:UPZ983071 UZI983071:UZV983071 VJE983071:VJR983071 VTA983071:VTN983071 WCW983071:WDJ983071 WMS983071:WNF983071 WWO983071:WXB983071 AY24:BE24 KU24:LA24 UQ24:UW24 AEM24:AES24 AOI24:AOO24 AYE24:AYK24 BIA24:BIG24 BRW24:BSC24 CBS24:CBY24 CLO24:CLU24 CVK24:CVQ24 DFG24:DFM24 DPC24:DPI24 DYY24:DZE24 EIU24:EJA24 ESQ24:ESW24 FCM24:FCS24 FMI24:FMO24 FWE24:FWK24 GGA24:GGG24 GPW24:GQC24 GZS24:GZY24 HJO24:HJU24 HTK24:HTQ24 IDG24:IDM24 INC24:INI24 IWY24:IXE24 JGU24:JHA24 JQQ24:JQW24 KAM24:KAS24 KKI24:KKO24 KUE24:KUK24 LEA24:LEG24 LNW24:LOC24 LXS24:LXY24 MHO24:MHU24 MRK24:MRQ24 NBG24:NBM24 NLC24:NLI24 NUY24:NVE24 OEU24:OFA24 OOQ24:OOW24 OYM24:OYS24 PII24:PIO24 PSE24:PSK24 QCA24:QCG24 QLW24:QMC24 QVS24:QVY24 RFO24:RFU24 RPK24:RPQ24 RZG24:RZM24 SJC24:SJI24 SSY24:STE24 TCU24:TDA24 TMQ24:TMW24 TWM24:TWS24 UGI24:UGO24 UQE24:UQK24 VAA24:VAG24 VJW24:VKC24 VTS24:VTY24 WDO24:WDU24 WNK24:WNQ24 WXG24:WXM24 AY65561:BE65561 KU65561:LA65561 UQ65561:UW65561 AEM65561:AES65561 AOI65561:AOO65561 AYE65561:AYK65561 BIA65561:BIG65561 BRW65561:BSC65561 CBS65561:CBY65561 CLO65561:CLU65561 CVK65561:CVQ65561 DFG65561:DFM65561 DPC65561:DPI65561 DYY65561:DZE65561 EIU65561:EJA65561 ESQ65561:ESW65561 FCM65561:FCS65561 FMI65561:FMO65561 FWE65561:FWK65561 GGA65561:GGG65561 GPW65561:GQC65561 GZS65561:GZY65561 HJO65561:HJU65561 HTK65561:HTQ65561 IDG65561:IDM65561 INC65561:INI65561 IWY65561:IXE65561 JGU65561:JHA65561 JQQ65561:JQW65561 KAM65561:KAS65561 KKI65561:KKO65561 KUE65561:KUK65561 LEA65561:LEG65561 LNW65561:LOC65561 LXS65561:LXY65561 MHO65561:MHU65561 MRK65561:MRQ65561 NBG65561:NBM65561 NLC65561:NLI65561 NUY65561:NVE65561 OEU65561:OFA65561 OOQ65561:OOW65561 OYM65561:OYS65561 PII65561:PIO65561 PSE65561:PSK65561 QCA65561:QCG65561 QLW65561:QMC65561 QVS65561:QVY65561 RFO65561:RFU65561 RPK65561:RPQ65561 RZG65561:RZM65561 SJC65561:SJI65561 SSY65561:STE65561 TCU65561:TDA65561 TMQ65561:TMW65561 TWM65561:TWS65561 UGI65561:UGO65561 UQE65561:UQK65561 VAA65561:VAG65561 VJW65561:VKC65561 VTS65561:VTY65561 WDO65561:WDU65561 WNK65561:WNQ65561 WXG65561:WXM65561 AY131097:BE131097 KU131097:LA131097 UQ131097:UW131097 AEM131097:AES131097 AOI131097:AOO131097 AYE131097:AYK131097 BIA131097:BIG131097 BRW131097:BSC131097 CBS131097:CBY131097 CLO131097:CLU131097 CVK131097:CVQ131097 DFG131097:DFM131097 DPC131097:DPI131097 DYY131097:DZE131097 EIU131097:EJA131097 ESQ131097:ESW131097 FCM131097:FCS131097 FMI131097:FMO131097 FWE131097:FWK131097 GGA131097:GGG131097 GPW131097:GQC131097 GZS131097:GZY131097 HJO131097:HJU131097 HTK131097:HTQ131097 IDG131097:IDM131097 INC131097:INI131097 IWY131097:IXE131097 JGU131097:JHA131097 JQQ131097:JQW131097 KAM131097:KAS131097 KKI131097:KKO131097 KUE131097:KUK131097 LEA131097:LEG131097 LNW131097:LOC131097 LXS131097:LXY131097 MHO131097:MHU131097 MRK131097:MRQ131097 NBG131097:NBM131097 NLC131097:NLI131097 NUY131097:NVE131097 OEU131097:OFA131097 OOQ131097:OOW131097 OYM131097:OYS131097 PII131097:PIO131097 PSE131097:PSK131097 QCA131097:QCG131097 QLW131097:QMC131097 QVS131097:QVY131097 RFO131097:RFU131097 RPK131097:RPQ131097 RZG131097:RZM131097 SJC131097:SJI131097 SSY131097:STE131097 TCU131097:TDA131097 TMQ131097:TMW131097 TWM131097:TWS131097 UGI131097:UGO131097 UQE131097:UQK131097 VAA131097:VAG131097 VJW131097:VKC131097 VTS131097:VTY131097 WDO131097:WDU131097 WNK131097:WNQ131097 WXG131097:WXM131097 AY196633:BE196633 KU196633:LA196633 UQ196633:UW196633 AEM196633:AES196633 AOI196633:AOO196633 AYE196633:AYK196633 BIA196633:BIG196633 BRW196633:BSC196633 CBS196633:CBY196633 CLO196633:CLU196633 CVK196633:CVQ196633 DFG196633:DFM196633 DPC196633:DPI196633 DYY196633:DZE196633 EIU196633:EJA196633 ESQ196633:ESW196633 FCM196633:FCS196633 FMI196633:FMO196633 FWE196633:FWK196633 GGA196633:GGG196633 GPW196633:GQC196633 GZS196633:GZY196633 HJO196633:HJU196633 HTK196633:HTQ196633 IDG196633:IDM196633 INC196633:INI196633 IWY196633:IXE196633 JGU196633:JHA196633 JQQ196633:JQW196633 KAM196633:KAS196633 KKI196633:KKO196633 KUE196633:KUK196633 LEA196633:LEG196633 LNW196633:LOC196633 LXS196633:LXY196633 MHO196633:MHU196633 MRK196633:MRQ196633 NBG196633:NBM196633 NLC196633:NLI196633 NUY196633:NVE196633 OEU196633:OFA196633 OOQ196633:OOW196633 OYM196633:OYS196633 PII196633:PIO196633 PSE196633:PSK196633 QCA196633:QCG196633 QLW196633:QMC196633 QVS196633:QVY196633 RFO196633:RFU196633 RPK196633:RPQ196633 RZG196633:RZM196633 SJC196633:SJI196633 SSY196633:STE196633 TCU196633:TDA196633 TMQ196633:TMW196633 TWM196633:TWS196633 UGI196633:UGO196633 UQE196633:UQK196633 VAA196633:VAG196633 VJW196633:VKC196633 VTS196633:VTY196633 WDO196633:WDU196633 WNK196633:WNQ196633 WXG196633:WXM196633 AY262169:BE262169 KU262169:LA262169 UQ262169:UW262169 AEM262169:AES262169 AOI262169:AOO262169 AYE262169:AYK262169 BIA262169:BIG262169 BRW262169:BSC262169 CBS262169:CBY262169 CLO262169:CLU262169 CVK262169:CVQ262169 DFG262169:DFM262169 DPC262169:DPI262169 DYY262169:DZE262169 EIU262169:EJA262169 ESQ262169:ESW262169 FCM262169:FCS262169 FMI262169:FMO262169 FWE262169:FWK262169 GGA262169:GGG262169 GPW262169:GQC262169 GZS262169:GZY262169 HJO262169:HJU262169 HTK262169:HTQ262169 IDG262169:IDM262169 INC262169:INI262169 IWY262169:IXE262169 JGU262169:JHA262169 JQQ262169:JQW262169 KAM262169:KAS262169 KKI262169:KKO262169 KUE262169:KUK262169 LEA262169:LEG262169 LNW262169:LOC262169 LXS262169:LXY262169 MHO262169:MHU262169 MRK262169:MRQ262169 NBG262169:NBM262169 NLC262169:NLI262169 NUY262169:NVE262169 OEU262169:OFA262169 OOQ262169:OOW262169 OYM262169:OYS262169 PII262169:PIO262169 PSE262169:PSK262169 QCA262169:QCG262169 QLW262169:QMC262169 QVS262169:QVY262169 RFO262169:RFU262169 RPK262169:RPQ262169 RZG262169:RZM262169 SJC262169:SJI262169 SSY262169:STE262169 TCU262169:TDA262169 TMQ262169:TMW262169 TWM262169:TWS262169 UGI262169:UGO262169 UQE262169:UQK262169 VAA262169:VAG262169 VJW262169:VKC262169 VTS262169:VTY262169 WDO262169:WDU262169 WNK262169:WNQ262169 WXG262169:WXM262169 AY327705:BE327705 KU327705:LA327705 UQ327705:UW327705 AEM327705:AES327705 AOI327705:AOO327705 AYE327705:AYK327705 BIA327705:BIG327705 BRW327705:BSC327705 CBS327705:CBY327705 CLO327705:CLU327705 CVK327705:CVQ327705 DFG327705:DFM327705 DPC327705:DPI327705 DYY327705:DZE327705 EIU327705:EJA327705 ESQ327705:ESW327705 FCM327705:FCS327705 FMI327705:FMO327705 FWE327705:FWK327705 GGA327705:GGG327705 GPW327705:GQC327705 GZS327705:GZY327705 HJO327705:HJU327705 HTK327705:HTQ327705 IDG327705:IDM327705 INC327705:INI327705 IWY327705:IXE327705 JGU327705:JHA327705 JQQ327705:JQW327705 KAM327705:KAS327705 KKI327705:KKO327705 KUE327705:KUK327705 LEA327705:LEG327705 LNW327705:LOC327705 LXS327705:LXY327705 MHO327705:MHU327705 MRK327705:MRQ327705 NBG327705:NBM327705 NLC327705:NLI327705 NUY327705:NVE327705 OEU327705:OFA327705 OOQ327705:OOW327705 OYM327705:OYS327705 PII327705:PIO327705 PSE327705:PSK327705 QCA327705:QCG327705 QLW327705:QMC327705 QVS327705:QVY327705 RFO327705:RFU327705 RPK327705:RPQ327705 RZG327705:RZM327705 SJC327705:SJI327705 SSY327705:STE327705 TCU327705:TDA327705 TMQ327705:TMW327705 TWM327705:TWS327705 UGI327705:UGO327705 UQE327705:UQK327705 VAA327705:VAG327705 VJW327705:VKC327705 VTS327705:VTY327705 WDO327705:WDU327705 WNK327705:WNQ327705 WXG327705:WXM327705 AY393241:BE393241 KU393241:LA393241 UQ393241:UW393241 AEM393241:AES393241 AOI393241:AOO393241 AYE393241:AYK393241 BIA393241:BIG393241 BRW393241:BSC393241 CBS393241:CBY393241 CLO393241:CLU393241 CVK393241:CVQ393241 DFG393241:DFM393241 DPC393241:DPI393241 DYY393241:DZE393241 EIU393241:EJA393241 ESQ393241:ESW393241 FCM393241:FCS393241 FMI393241:FMO393241 FWE393241:FWK393241 GGA393241:GGG393241 GPW393241:GQC393241 GZS393241:GZY393241 HJO393241:HJU393241 HTK393241:HTQ393241 IDG393241:IDM393241 INC393241:INI393241 IWY393241:IXE393241 JGU393241:JHA393241 JQQ393241:JQW393241 KAM393241:KAS393241 KKI393241:KKO393241 KUE393241:KUK393241 LEA393241:LEG393241 LNW393241:LOC393241 LXS393241:LXY393241 MHO393241:MHU393241 MRK393241:MRQ393241 NBG393241:NBM393241 NLC393241:NLI393241 NUY393241:NVE393241 OEU393241:OFA393241 OOQ393241:OOW393241 OYM393241:OYS393241 PII393241:PIO393241 PSE393241:PSK393241 QCA393241:QCG393241 QLW393241:QMC393241 QVS393241:QVY393241 RFO393241:RFU393241 RPK393241:RPQ393241 RZG393241:RZM393241 SJC393241:SJI393241 SSY393241:STE393241 TCU393241:TDA393241 TMQ393241:TMW393241 TWM393241:TWS393241 UGI393241:UGO393241 UQE393241:UQK393241 VAA393241:VAG393241 VJW393241:VKC393241 VTS393241:VTY393241 WDO393241:WDU393241 WNK393241:WNQ393241 WXG393241:WXM393241 AY458777:BE458777 KU458777:LA458777 UQ458777:UW458777 AEM458777:AES458777 AOI458777:AOO458777 AYE458777:AYK458777 BIA458777:BIG458777 BRW458777:BSC458777 CBS458777:CBY458777 CLO458777:CLU458777 CVK458777:CVQ458777 DFG458777:DFM458777 DPC458777:DPI458777 DYY458777:DZE458777 EIU458777:EJA458777 ESQ458777:ESW458777 FCM458777:FCS458777 FMI458777:FMO458777 FWE458777:FWK458777 GGA458777:GGG458777 GPW458777:GQC458777 GZS458777:GZY458777 HJO458777:HJU458777 HTK458777:HTQ458777 IDG458777:IDM458777 INC458777:INI458777 IWY458777:IXE458777 JGU458777:JHA458777 JQQ458777:JQW458777 KAM458777:KAS458777 KKI458777:KKO458777 KUE458777:KUK458777 LEA458777:LEG458777 LNW458777:LOC458777 LXS458777:LXY458777 MHO458777:MHU458777 MRK458777:MRQ458777 NBG458777:NBM458777 NLC458777:NLI458777 NUY458777:NVE458777 OEU458777:OFA458777 OOQ458777:OOW458777 OYM458777:OYS458777 PII458777:PIO458777 PSE458777:PSK458777 QCA458777:QCG458777 QLW458777:QMC458777 QVS458777:QVY458777 RFO458777:RFU458777 RPK458777:RPQ458777 RZG458777:RZM458777 SJC458777:SJI458777 SSY458777:STE458777 TCU458777:TDA458777 TMQ458777:TMW458777 TWM458777:TWS458777 UGI458777:UGO458777 UQE458777:UQK458777 VAA458777:VAG458777 VJW458777:VKC458777 VTS458777:VTY458777 WDO458777:WDU458777 WNK458777:WNQ458777 WXG458777:WXM458777 AY524313:BE524313 KU524313:LA524313 UQ524313:UW524313 AEM524313:AES524313 AOI524313:AOO524313 AYE524313:AYK524313 BIA524313:BIG524313 BRW524313:BSC524313 CBS524313:CBY524313 CLO524313:CLU524313 CVK524313:CVQ524313 DFG524313:DFM524313 DPC524313:DPI524313 DYY524313:DZE524313 EIU524313:EJA524313 ESQ524313:ESW524313 FCM524313:FCS524313 FMI524313:FMO524313 FWE524313:FWK524313 GGA524313:GGG524313 GPW524313:GQC524313 GZS524313:GZY524313 HJO524313:HJU524313 HTK524313:HTQ524313 IDG524313:IDM524313 INC524313:INI524313 IWY524313:IXE524313 JGU524313:JHA524313 JQQ524313:JQW524313 KAM524313:KAS524313 KKI524313:KKO524313 KUE524313:KUK524313 LEA524313:LEG524313 LNW524313:LOC524313 LXS524313:LXY524313 MHO524313:MHU524313 MRK524313:MRQ524313 NBG524313:NBM524313 NLC524313:NLI524313 NUY524313:NVE524313 OEU524313:OFA524313 OOQ524313:OOW524313 OYM524313:OYS524313 PII524313:PIO524313 PSE524313:PSK524313 QCA524313:QCG524313 QLW524313:QMC524313 QVS524313:QVY524313 RFO524313:RFU524313 RPK524313:RPQ524313 RZG524313:RZM524313 SJC524313:SJI524313 SSY524313:STE524313 TCU524313:TDA524313 TMQ524313:TMW524313 TWM524313:TWS524313 UGI524313:UGO524313 UQE524313:UQK524313 VAA524313:VAG524313 VJW524313:VKC524313 VTS524313:VTY524313 WDO524313:WDU524313 WNK524313:WNQ524313 WXG524313:WXM524313 AY589849:BE589849 KU589849:LA589849 UQ589849:UW589849 AEM589849:AES589849 AOI589849:AOO589849 AYE589849:AYK589849 BIA589849:BIG589849 BRW589849:BSC589849 CBS589849:CBY589849 CLO589849:CLU589849 CVK589849:CVQ589849 DFG589849:DFM589849 DPC589849:DPI589849 DYY589849:DZE589849 EIU589849:EJA589849 ESQ589849:ESW589849 FCM589849:FCS589849 FMI589849:FMO589849 FWE589849:FWK589849 GGA589849:GGG589849 GPW589849:GQC589849 GZS589849:GZY589849 HJO589849:HJU589849 HTK589849:HTQ589849 IDG589849:IDM589849 INC589849:INI589849 IWY589849:IXE589849 JGU589849:JHA589849 JQQ589849:JQW589849 KAM589849:KAS589849 KKI589849:KKO589849 KUE589849:KUK589849 LEA589849:LEG589849 LNW589849:LOC589849 LXS589849:LXY589849 MHO589849:MHU589849 MRK589849:MRQ589849 NBG589849:NBM589849 NLC589849:NLI589849 NUY589849:NVE589849 OEU589849:OFA589849 OOQ589849:OOW589849 OYM589849:OYS589849 PII589849:PIO589849 PSE589849:PSK589849 QCA589849:QCG589849 QLW589849:QMC589849 QVS589849:QVY589849 RFO589849:RFU589849 RPK589849:RPQ589849 RZG589849:RZM589849 SJC589849:SJI589849 SSY589849:STE589849 TCU589849:TDA589849 TMQ589849:TMW589849 TWM589849:TWS589849 UGI589849:UGO589849 UQE589849:UQK589849 VAA589849:VAG589849 VJW589849:VKC589849 VTS589849:VTY589849 WDO589849:WDU589849 WNK589849:WNQ589849 WXG589849:WXM589849 AY655385:BE655385 KU655385:LA655385 UQ655385:UW655385 AEM655385:AES655385 AOI655385:AOO655385 AYE655385:AYK655385 BIA655385:BIG655385 BRW655385:BSC655385 CBS655385:CBY655385 CLO655385:CLU655385 CVK655385:CVQ655385 DFG655385:DFM655385 DPC655385:DPI655385 DYY655385:DZE655385 EIU655385:EJA655385 ESQ655385:ESW655385 FCM655385:FCS655385 FMI655385:FMO655385 FWE655385:FWK655385 GGA655385:GGG655385 GPW655385:GQC655385 GZS655385:GZY655385 HJO655385:HJU655385 HTK655385:HTQ655385 IDG655385:IDM655385 INC655385:INI655385 IWY655385:IXE655385 JGU655385:JHA655385 JQQ655385:JQW655385 KAM655385:KAS655385 KKI655385:KKO655385 KUE655385:KUK655385 LEA655385:LEG655385 LNW655385:LOC655385 LXS655385:LXY655385 MHO655385:MHU655385 MRK655385:MRQ655385 NBG655385:NBM655385 NLC655385:NLI655385 NUY655385:NVE655385 OEU655385:OFA655385 OOQ655385:OOW655385 OYM655385:OYS655385 PII655385:PIO655385 PSE655385:PSK655385 QCA655385:QCG655385 QLW655385:QMC655385 QVS655385:QVY655385 RFO655385:RFU655385 RPK655385:RPQ655385 RZG655385:RZM655385 SJC655385:SJI655385 SSY655385:STE655385 TCU655385:TDA655385 TMQ655385:TMW655385 TWM655385:TWS655385 UGI655385:UGO655385 UQE655385:UQK655385 VAA655385:VAG655385 VJW655385:VKC655385 VTS655385:VTY655385 WDO655385:WDU655385 WNK655385:WNQ655385 WXG655385:WXM655385 AY720921:BE720921 KU720921:LA720921 UQ720921:UW720921 AEM720921:AES720921 AOI720921:AOO720921 AYE720921:AYK720921 BIA720921:BIG720921 BRW720921:BSC720921 CBS720921:CBY720921 CLO720921:CLU720921 CVK720921:CVQ720921 DFG720921:DFM720921 DPC720921:DPI720921 DYY720921:DZE720921 EIU720921:EJA720921 ESQ720921:ESW720921 FCM720921:FCS720921 FMI720921:FMO720921 FWE720921:FWK720921 GGA720921:GGG720921 GPW720921:GQC720921 GZS720921:GZY720921 HJO720921:HJU720921 HTK720921:HTQ720921 IDG720921:IDM720921 INC720921:INI720921 IWY720921:IXE720921 JGU720921:JHA720921 JQQ720921:JQW720921 KAM720921:KAS720921 KKI720921:KKO720921 KUE720921:KUK720921 LEA720921:LEG720921 LNW720921:LOC720921 LXS720921:LXY720921 MHO720921:MHU720921 MRK720921:MRQ720921 NBG720921:NBM720921 NLC720921:NLI720921 NUY720921:NVE720921 OEU720921:OFA720921 OOQ720921:OOW720921 OYM720921:OYS720921 PII720921:PIO720921 PSE720921:PSK720921 QCA720921:QCG720921 QLW720921:QMC720921 QVS720921:QVY720921 RFO720921:RFU720921 RPK720921:RPQ720921 RZG720921:RZM720921 SJC720921:SJI720921 SSY720921:STE720921 TCU720921:TDA720921 TMQ720921:TMW720921 TWM720921:TWS720921 UGI720921:UGO720921 UQE720921:UQK720921 VAA720921:VAG720921 VJW720921:VKC720921 VTS720921:VTY720921 WDO720921:WDU720921 WNK720921:WNQ720921 WXG720921:WXM720921 AY786457:BE786457 KU786457:LA786457 UQ786457:UW786457 AEM786457:AES786457 AOI786457:AOO786457 AYE786457:AYK786457 BIA786457:BIG786457 BRW786457:BSC786457 CBS786457:CBY786457 CLO786457:CLU786457 CVK786457:CVQ786457 DFG786457:DFM786457 DPC786457:DPI786457 DYY786457:DZE786457 EIU786457:EJA786457 ESQ786457:ESW786457 FCM786457:FCS786457 FMI786457:FMO786457 FWE786457:FWK786457 GGA786457:GGG786457 GPW786457:GQC786457 GZS786457:GZY786457 HJO786457:HJU786457 HTK786457:HTQ786457 IDG786457:IDM786457 INC786457:INI786457 IWY786457:IXE786457 JGU786457:JHA786457 JQQ786457:JQW786457 KAM786457:KAS786457 KKI786457:KKO786457 KUE786457:KUK786457 LEA786457:LEG786457 LNW786457:LOC786457 LXS786457:LXY786457 MHO786457:MHU786457 MRK786457:MRQ786457 NBG786457:NBM786457 NLC786457:NLI786457 NUY786457:NVE786457 OEU786457:OFA786457 OOQ786457:OOW786457 OYM786457:OYS786457 PII786457:PIO786457 PSE786457:PSK786457 QCA786457:QCG786457 QLW786457:QMC786457 QVS786457:QVY786457 RFO786457:RFU786457 RPK786457:RPQ786457 RZG786457:RZM786457 SJC786457:SJI786457 SSY786457:STE786457 TCU786457:TDA786457 TMQ786457:TMW786457 TWM786457:TWS786457 UGI786457:UGO786457 UQE786457:UQK786457 VAA786457:VAG786457 VJW786457:VKC786457 VTS786457:VTY786457 WDO786457:WDU786457 WNK786457:WNQ786457 WXG786457:WXM786457 AY851993:BE851993 KU851993:LA851993 UQ851993:UW851993 AEM851993:AES851993 AOI851993:AOO851993 AYE851993:AYK851993 BIA851993:BIG851993 BRW851993:BSC851993 CBS851993:CBY851993 CLO851993:CLU851993 CVK851993:CVQ851993 DFG851993:DFM851993 DPC851993:DPI851993 DYY851993:DZE851993 EIU851993:EJA851993 ESQ851993:ESW851993 FCM851993:FCS851993 FMI851993:FMO851993 FWE851993:FWK851993 GGA851993:GGG851993 GPW851993:GQC851993 GZS851993:GZY851993 HJO851993:HJU851993 HTK851993:HTQ851993 IDG851993:IDM851993 INC851993:INI851993 IWY851993:IXE851993 JGU851993:JHA851993 JQQ851993:JQW851993 KAM851993:KAS851993 KKI851993:KKO851993 KUE851993:KUK851993 LEA851993:LEG851993 LNW851993:LOC851993 LXS851993:LXY851993 MHO851993:MHU851993 MRK851993:MRQ851993 NBG851993:NBM851993 NLC851993:NLI851993 NUY851993:NVE851993 OEU851993:OFA851993 OOQ851993:OOW851993 OYM851993:OYS851993 PII851993:PIO851993 PSE851993:PSK851993 QCA851993:QCG851993 QLW851993:QMC851993 QVS851993:QVY851993 RFO851993:RFU851993 RPK851993:RPQ851993 RZG851993:RZM851993 SJC851993:SJI851993 SSY851993:STE851993 TCU851993:TDA851993 TMQ851993:TMW851993 TWM851993:TWS851993 UGI851993:UGO851993 UQE851993:UQK851993 VAA851993:VAG851993 VJW851993:VKC851993 VTS851993:VTY851993 WDO851993:WDU851993 WNK851993:WNQ851993 WXG851993:WXM851993 AY917529:BE917529 KU917529:LA917529 UQ917529:UW917529 AEM917529:AES917529 AOI917529:AOO917529 AYE917529:AYK917529 BIA917529:BIG917529 BRW917529:BSC917529 CBS917529:CBY917529 CLO917529:CLU917529 CVK917529:CVQ917529 DFG917529:DFM917529 DPC917529:DPI917529 DYY917529:DZE917529 EIU917529:EJA917529 ESQ917529:ESW917529 FCM917529:FCS917529 FMI917529:FMO917529 FWE917529:FWK917529 GGA917529:GGG917529 GPW917529:GQC917529 GZS917529:GZY917529 HJO917529:HJU917529 HTK917529:HTQ917529 IDG917529:IDM917529 INC917529:INI917529 IWY917529:IXE917529 JGU917529:JHA917529 JQQ917529:JQW917529 KAM917529:KAS917529 KKI917529:KKO917529 KUE917529:KUK917529 LEA917529:LEG917529 LNW917529:LOC917529 LXS917529:LXY917529 MHO917529:MHU917529 MRK917529:MRQ917529 NBG917529:NBM917529 NLC917529:NLI917529 NUY917529:NVE917529 OEU917529:OFA917529 OOQ917529:OOW917529 OYM917529:OYS917529 PII917529:PIO917529 PSE917529:PSK917529 QCA917529:QCG917529 QLW917529:QMC917529 QVS917529:QVY917529 RFO917529:RFU917529 RPK917529:RPQ917529 RZG917529:RZM917529 SJC917529:SJI917529 SSY917529:STE917529 TCU917529:TDA917529 TMQ917529:TMW917529 TWM917529:TWS917529 UGI917529:UGO917529 UQE917529:UQK917529 VAA917529:VAG917529 VJW917529:VKC917529 VTS917529:VTY917529 WDO917529:WDU917529 WNK917529:WNQ917529 WXG917529:WXM917529 AY983065:BE983065 KU983065:LA983065 UQ983065:UW983065 AEM983065:AES983065 AOI983065:AOO983065 AYE983065:AYK983065 BIA983065:BIG983065 BRW983065:BSC983065 CBS983065:CBY983065 CLO983065:CLU983065 CVK983065:CVQ983065 DFG983065:DFM983065 DPC983065:DPI983065 DYY983065:DZE983065 EIU983065:EJA983065 ESQ983065:ESW983065 FCM983065:FCS983065 FMI983065:FMO983065 FWE983065:FWK983065 GGA983065:GGG983065 GPW983065:GQC983065 GZS983065:GZY983065 HJO983065:HJU983065 HTK983065:HTQ983065 IDG983065:IDM983065 INC983065:INI983065 IWY983065:IXE983065 JGU983065:JHA983065 JQQ983065:JQW983065 KAM983065:KAS983065 KKI983065:KKO983065 KUE983065:KUK983065 LEA983065:LEG983065 LNW983065:LOC983065 LXS983065:LXY983065 MHO983065:MHU983065 MRK983065:MRQ983065 NBG983065:NBM983065 NLC983065:NLI983065 NUY983065:NVE983065 OEU983065:OFA983065 OOQ983065:OOW983065 OYM983065:OYS983065 PII983065:PIO983065 PSE983065:PSK983065 QCA983065:QCG983065 QLW983065:QMC983065 QVS983065:QVY983065 RFO983065:RFU983065 RPK983065:RPQ983065 RZG983065:RZM983065 SJC983065:SJI983065 SSY983065:STE983065 TCU983065:TDA983065 TMQ983065:TMW983065 TWM983065:TWS983065 UGI983065:UGO983065 UQE983065:UQK983065 VAA983065:VAG983065 VJW983065:VKC983065 VTS983065:VTY983065 WDO983065:WDU983065 WNK983065:WNQ983065 WXG983065:WXM983065 AX25:BA25 KT25:KW25 UP25:US25 AEL25:AEO25 AOH25:AOK25 AYD25:AYG25 BHZ25:BIC25 BRV25:BRY25 CBR25:CBU25 CLN25:CLQ25 CVJ25:CVM25 DFF25:DFI25 DPB25:DPE25 DYX25:DZA25 EIT25:EIW25 ESP25:ESS25 FCL25:FCO25 FMH25:FMK25 FWD25:FWG25 GFZ25:GGC25 GPV25:GPY25 GZR25:GZU25 HJN25:HJQ25 HTJ25:HTM25 IDF25:IDI25 INB25:INE25 IWX25:IXA25 JGT25:JGW25 JQP25:JQS25 KAL25:KAO25 KKH25:KKK25 KUD25:KUG25 LDZ25:LEC25 LNV25:LNY25 LXR25:LXU25 MHN25:MHQ25 MRJ25:MRM25 NBF25:NBI25 NLB25:NLE25 NUX25:NVA25 OET25:OEW25 OOP25:OOS25 OYL25:OYO25 PIH25:PIK25 PSD25:PSG25 QBZ25:QCC25 QLV25:QLY25 QVR25:QVU25 RFN25:RFQ25 RPJ25:RPM25 RZF25:RZI25 SJB25:SJE25 SSX25:STA25 TCT25:TCW25 TMP25:TMS25 TWL25:TWO25 UGH25:UGK25 UQD25:UQG25 UZZ25:VAC25 VJV25:VJY25 VTR25:VTU25 WDN25:WDQ25 WNJ25:WNM25 WXF25:WXI25 AX65562:BA65562 KT65562:KW65562 UP65562:US65562 AEL65562:AEO65562 AOH65562:AOK65562 AYD65562:AYG65562 BHZ65562:BIC65562 BRV65562:BRY65562 CBR65562:CBU65562 CLN65562:CLQ65562 CVJ65562:CVM65562 DFF65562:DFI65562 DPB65562:DPE65562 DYX65562:DZA65562 EIT65562:EIW65562 ESP65562:ESS65562 FCL65562:FCO65562 FMH65562:FMK65562 FWD65562:FWG65562 GFZ65562:GGC65562 GPV65562:GPY65562 GZR65562:GZU65562 HJN65562:HJQ65562 HTJ65562:HTM65562 IDF65562:IDI65562 INB65562:INE65562 IWX65562:IXA65562 JGT65562:JGW65562 JQP65562:JQS65562 KAL65562:KAO65562 KKH65562:KKK65562 KUD65562:KUG65562 LDZ65562:LEC65562 LNV65562:LNY65562 LXR65562:LXU65562 MHN65562:MHQ65562 MRJ65562:MRM65562 NBF65562:NBI65562 NLB65562:NLE65562 NUX65562:NVA65562 OET65562:OEW65562 OOP65562:OOS65562 OYL65562:OYO65562 PIH65562:PIK65562 PSD65562:PSG65562 QBZ65562:QCC65562 QLV65562:QLY65562 QVR65562:QVU65562 RFN65562:RFQ65562 RPJ65562:RPM65562 RZF65562:RZI65562 SJB65562:SJE65562 SSX65562:STA65562 TCT65562:TCW65562 TMP65562:TMS65562 TWL65562:TWO65562 UGH65562:UGK65562 UQD65562:UQG65562 UZZ65562:VAC65562 VJV65562:VJY65562 VTR65562:VTU65562 WDN65562:WDQ65562 WNJ65562:WNM65562 WXF65562:WXI65562 AX131098:BA131098 KT131098:KW131098 UP131098:US131098 AEL131098:AEO131098 AOH131098:AOK131098 AYD131098:AYG131098 BHZ131098:BIC131098 BRV131098:BRY131098 CBR131098:CBU131098 CLN131098:CLQ131098 CVJ131098:CVM131098 DFF131098:DFI131098 DPB131098:DPE131098 DYX131098:DZA131098 EIT131098:EIW131098 ESP131098:ESS131098 FCL131098:FCO131098 FMH131098:FMK131098 FWD131098:FWG131098 GFZ131098:GGC131098 GPV131098:GPY131098 GZR131098:GZU131098 HJN131098:HJQ131098 HTJ131098:HTM131098 IDF131098:IDI131098 INB131098:INE131098 IWX131098:IXA131098 JGT131098:JGW131098 JQP131098:JQS131098 KAL131098:KAO131098 KKH131098:KKK131098 KUD131098:KUG131098 LDZ131098:LEC131098 LNV131098:LNY131098 LXR131098:LXU131098 MHN131098:MHQ131098 MRJ131098:MRM131098 NBF131098:NBI131098 NLB131098:NLE131098 NUX131098:NVA131098 OET131098:OEW131098 OOP131098:OOS131098 OYL131098:OYO131098 PIH131098:PIK131098 PSD131098:PSG131098 QBZ131098:QCC131098 QLV131098:QLY131098 QVR131098:QVU131098 RFN131098:RFQ131098 RPJ131098:RPM131098 RZF131098:RZI131098 SJB131098:SJE131098 SSX131098:STA131098 TCT131098:TCW131098 TMP131098:TMS131098 TWL131098:TWO131098 UGH131098:UGK131098 UQD131098:UQG131098 UZZ131098:VAC131098 VJV131098:VJY131098 VTR131098:VTU131098 WDN131098:WDQ131098 WNJ131098:WNM131098 WXF131098:WXI131098 AX196634:BA196634 KT196634:KW196634 UP196634:US196634 AEL196634:AEO196634 AOH196634:AOK196634 AYD196634:AYG196634 BHZ196634:BIC196634 BRV196634:BRY196634 CBR196634:CBU196634 CLN196634:CLQ196634 CVJ196634:CVM196634 DFF196634:DFI196634 DPB196634:DPE196634 DYX196634:DZA196634 EIT196634:EIW196634 ESP196634:ESS196634 FCL196634:FCO196634 FMH196634:FMK196634 FWD196634:FWG196634 GFZ196634:GGC196634 GPV196634:GPY196634 GZR196634:GZU196634 HJN196634:HJQ196634 HTJ196634:HTM196634 IDF196634:IDI196634 INB196634:INE196634 IWX196634:IXA196634 JGT196634:JGW196634 JQP196634:JQS196634 KAL196634:KAO196634 KKH196634:KKK196634 KUD196634:KUG196634 LDZ196634:LEC196634 LNV196634:LNY196634 LXR196634:LXU196634 MHN196634:MHQ196634 MRJ196634:MRM196634 NBF196634:NBI196634 NLB196634:NLE196634 NUX196634:NVA196634 OET196634:OEW196634 OOP196634:OOS196634 OYL196634:OYO196634 PIH196634:PIK196634 PSD196634:PSG196634 QBZ196634:QCC196634 QLV196634:QLY196634 QVR196634:QVU196634 RFN196634:RFQ196634 RPJ196634:RPM196634 RZF196634:RZI196634 SJB196634:SJE196634 SSX196634:STA196634 TCT196634:TCW196634 TMP196634:TMS196634 TWL196634:TWO196634 UGH196634:UGK196634 UQD196634:UQG196634 UZZ196634:VAC196634 VJV196634:VJY196634 VTR196634:VTU196634 WDN196634:WDQ196634 WNJ196634:WNM196634 WXF196634:WXI196634 AX262170:BA262170 KT262170:KW262170 UP262170:US262170 AEL262170:AEO262170 AOH262170:AOK262170 AYD262170:AYG262170 BHZ262170:BIC262170 BRV262170:BRY262170 CBR262170:CBU262170 CLN262170:CLQ262170 CVJ262170:CVM262170 DFF262170:DFI262170 DPB262170:DPE262170 DYX262170:DZA262170 EIT262170:EIW262170 ESP262170:ESS262170 FCL262170:FCO262170 FMH262170:FMK262170 FWD262170:FWG262170 GFZ262170:GGC262170 GPV262170:GPY262170 GZR262170:GZU262170 HJN262170:HJQ262170 HTJ262170:HTM262170 IDF262170:IDI262170 INB262170:INE262170 IWX262170:IXA262170 JGT262170:JGW262170 JQP262170:JQS262170 KAL262170:KAO262170 KKH262170:KKK262170 KUD262170:KUG262170 LDZ262170:LEC262170 LNV262170:LNY262170 LXR262170:LXU262170 MHN262170:MHQ262170 MRJ262170:MRM262170 NBF262170:NBI262170 NLB262170:NLE262170 NUX262170:NVA262170 OET262170:OEW262170 OOP262170:OOS262170 OYL262170:OYO262170 PIH262170:PIK262170 PSD262170:PSG262170 QBZ262170:QCC262170 QLV262170:QLY262170 QVR262170:QVU262170 RFN262170:RFQ262170 RPJ262170:RPM262170 RZF262170:RZI262170 SJB262170:SJE262170 SSX262170:STA262170 TCT262170:TCW262170 TMP262170:TMS262170 TWL262170:TWO262170 UGH262170:UGK262170 UQD262170:UQG262170 UZZ262170:VAC262170 VJV262170:VJY262170 VTR262170:VTU262170 WDN262170:WDQ262170 WNJ262170:WNM262170 WXF262170:WXI262170 AX327706:BA327706 KT327706:KW327706 UP327706:US327706 AEL327706:AEO327706 AOH327706:AOK327706 AYD327706:AYG327706 BHZ327706:BIC327706 BRV327706:BRY327706 CBR327706:CBU327706 CLN327706:CLQ327706 CVJ327706:CVM327706 DFF327706:DFI327706 DPB327706:DPE327706 DYX327706:DZA327706 EIT327706:EIW327706 ESP327706:ESS327706 FCL327706:FCO327706 FMH327706:FMK327706 FWD327706:FWG327706 GFZ327706:GGC327706 GPV327706:GPY327706 GZR327706:GZU327706 HJN327706:HJQ327706 HTJ327706:HTM327706 IDF327706:IDI327706 INB327706:INE327706 IWX327706:IXA327706 JGT327706:JGW327706 JQP327706:JQS327706 KAL327706:KAO327706 KKH327706:KKK327706 KUD327706:KUG327706 LDZ327706:LEC327706 LNV327706:LNY327706 LXR327706:LXU327706 MHN327706:MHQ327706 MRJ327706:MRM327706 NBF327706:NBI327706 NLB327706:NLE327706 NUX327706:NVA327706 OET327706:OEW327706 OOP327706:OOS327706 OYL327706:OYO327706 PIH327706:PIK327706 PSD327706:PSG327706 QBZ327706:QCC327706 QLV327706:QLY327706 QVR327706:QVU327706 RFN327706:RFQ327706 RPJ327706:RPM327706 RZF327706:RZI327706 SJB327706:SJE327706 SSX327706:STA327706 TCT327706:TCW327706 TMP327706:TMS327706 TWL327706:TWO327706 UGH327706:UGK327706 UQD327706:UQG327706 UZZ327706:VAC327706 VJV327706:VJY327706 VTR327706:VTU327706 WDN327706:WDQ327706 WNJ327706:WNM327706 WXF327706:WXI327706 AX393242:BA393242 KT393242:KW393242 UP393242:US393242 AEL393242:AEO393242 AOH393242:AOK393242 AYD393242:AYG393242 BHZ393242:BIC393242 BRV393242:BRY393242 CBR393242:CBU393242 CLN393242:CLQ393242 CVJ393242:CVM393242 DFF393242:DFI393242 DPB393242:DPE393242 DYX393242:DZA393242 EIT393242:EIW393242 ESP393242:ESS393242 FCL393242:FCO393242 FMH393242:FMK393242 FWD393242:FWG393242 GFZ393242:GGC393242 GPV393242:GPY393242 GZR393242:GZU393242 HJN393242:HJQ393242 HTJ393242:HTM393242 IDF393242:IDI393242 INB393242:INE393242 IWX393242:IXA393242 JGT393242:JGW393242 JQP393242:JQS393242 KAL393242:KAO393242 KKH393242:KKK393242 KUD393242:KUG393242 LDZ393242:LEC393242 LNV393242:LNY393242 LXR393242:LXU393242 MHN393242:MHQ393242 MRJ393242:MRM393242 NBF393242:NBI393242 NLB393242:NLE393242 NUX393242:NVA393242 OET393242:OEW393242 OOP393242:OOS393242 OYL393242:OYO393242 PIH393242:PIK393242 PSD393242:PSG393242 QBZ393242:QCC393242 QLV393242:QLY393242 QVR393242:QVU393242 RFN393242:RFQ393242 RPJ393242:RPM393242 RZF393242:RZI393242 SJB393242:SJE393242 SSX393242:STA393242 TCT393242:TCW393242 TMP393242:TMS393242 TWL393242:TWO393242 UGH393242:UGK393242 UQD393242:UQG393242 UZZ393242:VAC393242 VJV393242:VJY393242 VTR393242:VTU393242 WDN393242:WDQ393242 WNJ393242:WNM393242 WXF393242:WXI393242 AX458778:BA458778 KT458778:KW458778 UP458778:US458778 AEL458778:AEO458778 AOH458778:AOK458778 AYD458778:AYG458778 BHZ458778:BIC458778 BRV458778:BRY458778 CBR458778:CBU458778 CLN458778:CLQ458778 CVJ458778:CVM458778 DFF458778:DFI458778 DPB458778:DPE458778 DYX458778:DZA458778 EIT458778:EIW458778 ESP458778:ESS458778 FCL458778:FCO458778 FMH458778:FMK458778 FWD458778:FWG458778 GFZ458778:GGC458778 GPV458778:GPY458778 GZR458778:GZU458778 HJN458778:HJQ458778 HTJ458778:HTM458778 IDF458778:IDI458778 INB458778:INE458778 IWX458778:IXA458778 JGT458778:JGW458778 JQP458778:JQS458778 KAL458778:KAO458778 KKH458778:KKK458778 KUD458778:KUG458778 LDZ458778:LEC458778 LNV458778:LNY458778 LXR458778:LXU458778 MHN458778:MHQ458778 MRJ458778:MRM458778 NBF458778:NBI458778 NLB458778:NLE458778 NUX458778:NVA458778 OET458778:OEW458778 OOP458778:OOS458778 OYL458778:OYO458778 PIH458778:PIK458778 PSD458778:PSG458778 QBZ458778:QCC458778 QLV458778:QLY458778 QVR458778:QVU458778 RFN458778:RFQ458778 RPJ458778:RPM458778 RZF458778:RZI458778 SJB458778:SJE458778 SSX458778:STA458778 TCT458778:TCW458778 TMP458778:TMS458778 TWL458778:TWO458778 UGH458778:UGK458778 UQD458778:UQG458778 UZZ458778:VAC458778 VJV458778:VJY458778 VTR458778:VTU458778 WDN458778:WDQ458778 WNJ458778:WNM458778 WXF458778:WXI458778 AX524314:BA524314 KT524314:KW524314 UP524314:US524314 AEL524314:AEO524314 AOH524314:AOK524314 AYD524314:AYG524314 BHZ524314:BIC524314 BRV524314:BRY524314 CBR524314:CBU524314 CLN524314:CLQ524314 CVJ524314:CVM524314 DFF524314:DFI524314 DPB524314:DPE524314 DYX524314:DZA524314 EIT524314:EIW524314 ESP524314:ESS524314 FCL524314:FCO524314 FMH524314:FMK524314 FWD524314:FWG524314 GFZ524314:GGC524314 GPV524314:GPY524314 GZR524314:GZU524314 HJN524314:HJQ524314 HTJ524314:HTM524314 IDF524314:IDI524314 INB524314:INE524314 IWX524314:IXA524314 JGT524314:JGW524314 JQP524314:JQS524314 KAL524314:KAO524314 KKH524314:KKK524314 KUD524314:KUG524314 LDZ524314:LEC524314 LNV524314:LNY524314 LXR524314:LXU524314 MHN524314:MHQ524314 MRJ524314:MRM524314 NBF524314:NBI524314 NLB524314:NLE524314 NUX524314:NVA524314 OET524314:OEW524314 OOP524314:OOS524314 OYL524314:OYO524314 PIH524314:PIK524314 PSD524314:PSG524314 QBZ524314:QCC524314 QLV524314:QLY524314 QVR524314:QVU524314 RFN524314:RFQ524314 RPJ524314:RPM524314 RZF524314:RZI524314 SJB524314:SJE524314 SSX524314:STA524314 TCT524314:TCW524314 TMP524314:TMS524314 TWL524314:TWO524314 UGH524314:UGK524314 UQD524314:UQG524314 UZZ524314:VAC524314 VJV524314:VJY524314 VTR524314:VTU524314 WDN524314:WDQ524314 WNJ524314:WNM524314 WXF524314:WXI524314 AX589850:BA589850 KT589850:KW589850 UP589850:US589850 AEL589850:AEO589850 AOH589850:AOK589850 AYD589850:AYG589850 BHZ589850:BIC589850 BRV589850:BRY589850 CBR589850:CBU589850 CLN589850:CLQ589850 CVJ589850:CVM589850 DFF589850:DFI589850 DPB589850:DPE589850 DYX589850:DZA589850 EIT589850:EIW589850 ESP589850:ESS589850 FCL589850:FCO589850 FMH589850:FMK589850 FWD589850:FWG589850 GFZ589850:GGC589850 GPV589850:GPY589850 GZR589850:GZU589850 HJN589850:HJQ589850 HTJ589850:HTM589850 IDF589850:IDI589850 INB589850:INE589850 IWX589850:IXA589850 JGT589850:JGW589850 JQP589850:JQS589850 KAL589850:KAO589850 KKH589850:KKK589850 KUD589850:KUG589850 LDZ589850:LEC589850 LNV589850:LNY589850 LXR589850:LXU589850 MHN589850:MHQ589850 MRJ589850:MRM589850 NBF589850:NBI589850 NLB589850:NLE589850 NUX589850:NVA589850 OET589850:OEW589850 OOP589850:OOS589850 OYL589850:OYO589850 PIH589850:PIK589850 PSD589850:PSG589850 QBZ589850:QCC589850 QLV589850:QLY589850 QVR589850:QVU589850 RFN589850:RFQ589850 RPJ589850:RPM589850 RZF589850:RZI589850 SJB589850:SJE589850 SSX589850:STA589850 TCT589850:TCW589850 TMP589850:TMS589850 TWL589850:TWO589850 UGH589850:UGK589850 UQD589850:UQG589850 UZZ589850:VAC589850 VJV589850:VJY589850 VTR589850:VTU589850 WDN589850:WDQ589850 WNJ589850:WNM589850 WXF589850:WXI589850 AX655386:BA655386 KT655386:KW655386 UP655386:US655386 AEL655386:AEO655386 AOH655386:AOK655386 AYD655386:AYG655386 BHZ655386:BIC655386 BRV655386:BRY655386 CBR655386:CBU655386 CLN655386:CLQ655386 CVJ655386:CVM655386 DFF655386:DFI655386 DPB655386:DPE655386 DYX655386:DZA655386 EIT655386:EIW655386 ESP655386:ESS655386 FCL655386:FCO655386 FMH655386:FMK655386 FWD655386:FWG655386 GFZ655386:GGC655386 GPV655386:GPY655386 GZR655386:GZU655386 HJN655386:HJQ655386 HTJ655386:HTM655386 IDF655386:IDI655386 INB655386:INE655386 IWX655386:IXA655386 JGT655386:JGW655386 JQP655386:JQS655386 KAL655386:KAO655386 KKH655386:KKK655386 KUD655386:KUG655386 LDZ655386:LEC655386 LNV655386:LNY655386 LXR655386:LXU655386 MHN655386:MHQ655386 MRJ655386:MRM655386 NBF655386:NBI655386 NLB655386:NLE655386 NUX655386:NVA655386 OET655386:OEW655386 OOP655386:OOS655386 OYL655386:OYO655386 PIH655386:PIK655386 PSD655386:PSG655386 QBZ655386:QCC655386 QLV655386:QLY655386 QVR655386:QVU655386 RFN655386:RFQ655386 RPJ655386:RPM655386 RZF655386:RZI655386 SJB655386:SJE655386 SSX655386:STA655386 TCT655386:TCW655386 TMP655386:TMS655386 TWL655386:TWO655386 UGH655386:UGK655386 UQD655386:UQG655386 UZZ655386:VAC655386 VJV655386:VJY655386 VTR655386:VTU655386 WDN655386:WDQ655386 WNJ655386:WNM655386 WXF655386:WXI655386 AX720922:BA720922 KT720922:KW720922 UP720922:US720922 AEL720922:AEO720922 AOH720922:AOK720922 AYD720922:AYG720922 BHZ720922:BIC720922 BRV720922:BRY720922 CBR720922:CBU720922 CLN720922:CLQ720922 CVJ720922:CVM720922 DFF720922:DFI720922 DPB720922:DPE720922 DYX720922:DZA720922 EIT720922:EIW720922 ESP720922:ESS720922 FCL720922:FCO720922 FMH720922:FMK720922 FWD720922:FWG720922 GFZ720922:GGC720922 GPV720922:GPY720922 GZR720922:GZU720922 HJN720922:HJQ720922 HTJ720922:HTM720922 IDF720922:IDI720922 INB720922:INE720922 IWX720922:IXA720922 JGT720922:JGW720922 JQP720922:JQS720922 KAL720922:KAO720922 KKH720922:KKK720922 KUD720922:KUG720922 LDZ720922:LEC720922 LNV720922:LNY720922 LXR720922:LXU720922 MHN720922:MHQ720922 MRJ720922:MRM720922 NBF720922:NBI720922 NLB720922:NLE720922 NUX720922:NVA720922 OET720922:OEW720922 OOP720922:OOS720922 OYL720922:OYO720922 PIH720922:PIK720922 PSD720922:PSG720922 QBZ720922:QCC720922 QLV720922:QLY720922 QVR720922:QVU720922 RFN720922:RFQ720922 RPJ720922:RPM720922 RZF720922:RZI720922 SJB720922:SJE720922 SSX720922:STA720922 TCT720922:TCW720922 TMP720922:TMS720922 TWL720922:TWO720922 UGH720922:UGK720922 UQD720922:UQG720922 UZZ720922:VAC720922 VJV720922:VJY720922 VTR720922:VTU720922 WDN720922:WDQ720922 WNJ720922:WNM720922 WXF720922:WXI720922 AX786458:BA786458 KT786458:KW786458 UP786458:US786458 AEL786458:AEO786458 AOH786458:AOK786458 AYD786458:AYG786458 BHZ786458:BIC786458 BRV786458:BRY786458 CBR786458:CBU786458 CLN786458:CLQ786458 CVJ786458:CVM786458 DFF786458:DFI786458 DPB786458:DPE786458 DYX786458:DZA786458 EIT786458:EIW786458 ESP786458:ESS786458 FCL786458:FCO786458 FMH786458:FMK786458 FWD786458:FWG786458 GFZ786458:GGC786458 GPV786458:GPY786458 GZR786458:GZU786458 HJN786458:HJQ786458 HTJ786458:HTM786458 IDF786458:IDI786458 INB786458:INE786458 IWX786458:IXA786458 JGT786458:JGW786458 JQP786458:JQS786458 KAL786458:KAO786458 KKH786458:KKK786458 KUD786458:KUG786458 LDZ786458:LEC786458 LNV786458:LNY786458 LXR786458:LXU786458 MHN786458:MHQ786458 MRJ786458:MRM786458 NBF786458:NBI786458 NLB786458:NLE786458 NUX786458:NVA786458 OET786458:OEW786458 OOP786458:OOS786458 OYL786458:OYO786458 PIH786458:PIK786458 PSD786458:PSG786458 QBZ786458:QCC786458 QLV786458:QLY786458 QVR786458:QVU786458 RFN786458:RFQ786458 RPJ786458:RPM786458 RZF786458:RZI786458 SJB786458:SJE786458 SSX786458:STA786458 TCT786458:TCW786458 TMP786458:TMS786458 TWL786458:TWO786458 UGH786458:UGK786458 UQD786458:UQG786458 UZZ786458:VAC786458 VJV786458:VJY786458 VTR786458:VTU786458 WDN786458:WDQ786458 WNJ786458:WNM786458 WXF786458:WXI786458 AX851994:BA851994 KT851994:KW851994 UP851994:US851994 AEL851994:AEO851994 AOH851994:AOK851994 AYD851994:AYG851994 BHZ851994:BIC851994 BRV851994:BRY851994 CBR851994:CBU851994 CLN851994:CLQ851994 CVJ851994:CVM851994 DFF851994:DFI851994 DPB851994:DPE851994 DYX851994:DZA851994 EIT851994:EIW851994 ESP851994:ESS851994 FCL851994:FCO851994 FMH851994:FMK851994 FWD851994:FWG851994 GFZ851994:GGC851994 GPV851994:GPY851994 GZR851994:GZU851994 HJN851994:HJQ851994 HTJ851994:HTM851994 IDF851994:IDI851994 INB851994:INE851994 IWX851994:IXA851994 JGT851994:JGW851994 JQP851994:JQS851994 KAL851994:KAO851994 KKH851994:KKK851994 KUD851994:KUG851994 LDZ851994:LEC851994 LNV851994:LNY851994 LXR851994:LXU851994 MHN851994:MHQ851994 MRJ851994:MRM851994 NBF851994:NBI851994 NLB851994:NLE851994 NUX851994:NVA851994 OET851994:OEW851994 OOP851994:OOS851994 OYL851994:OYO851994 PIH851994:PIK851994 PSD851994:PSG851994 QBZ851994:QCC851994 QLV851994:QLY851994 QVR851994:QVU851994 RFN851994:RFQ851994 RPJ851994:RPM851994 RZF851994:RZI851994 SJB851994:SJE851994 SSX851994:STA851994 TCT851994:TCW851994 TMP851994:TMS851994 TWL851994:TWO851994 UGH851994:UGK851994 UQD851994:UQG851994 UZZ851994:VAC851994 VJV851994:VJY851994 VTR851994:VTU851994 WDN851994:WDQ851994 WNJ851994:WNM851994 WXF851994:WXI851994 AX917530:BA917530 KT917530:KW917530 UP917530:US917530 AEL917530:AEO917530 AOH917530:AOK917530 AYD917530:AYG917530 BHZ917530:BIC917530 BRV917530:BRY917530 CBR917530:CBU917530 CLN917530:CLQ917530 CVJ917530:CVM917530 DFF917530:DFI917530 DPB917530:DPE917530 DYX917530:DZA917530 EIT917530:EIW917530 ESP917530:ESS917530 FCL917530:FCO917530 FMH917530:FMK917530 FWD917530:FWG917530 GFZ917530:GGC917530 GPV917530:GPY917530 GZR917530:GZU917530 HJN917530:HJQ917530 HTJ917530:HTM917530 IDF917530:IDI917530 INB917530:INE917530 IWX917530:IXA917530 JGT917530:JGW917530 JQP917530:JQS917530 KAL917530:KAO917530 KKH917530:KKK917530 KUD917530:KUG917530 LDZ917530:LEC917530 LNV917530:LNY917530 LXR917530:LXU917530 MHN917530:MHQ917530 MRJ917530:MRM917530 NBF917530:NBI917530 NLB917530:NLE917530 NUX917530:NVA917530 OET917530:OEW917530 OOP917530:OOS917530 OYL917530:OYO917530 PIH917530:PIK917530 PSD917530:PSG917530 QBZ917530:QCC917530 QLV917530:QLY917530 QVR917530:QVU917530 RFN917530:RFQ917530 RPJ917530:RPM917530 RZF917530:RZI917530 SJB917530:SJE917530 SSX917530:STA917530 TCT917530:TCW917530 TMP917530:TMS917530 TWL917530:TWO917530 UGH917530:UGK917530 UQD917530:UQG917530 UZZ917530:VAC917530 VJV917530:VJY917530 VTR917530:VTU917530 WDN917530:WDQ917530 WNJ917530:WNM917530 WXF917530:WXI917530 AX983066:BA983066 KT983066:KW983066 UP983066:US983066 AEL983066:AEO983066 AOH983066:AOK983066 AYD983066:AYG983066 BHZ983066:BIC983066 BRV983066:BRY983066 CBR983066:CBU983066 CLN983066:CLQ983066 CVJ983066:CVM983066 DFF983066:DFI983066 DPB983066:DPE983066 DYX983066:DZA983066 EIT983066:EIW983066 ESP983066:ESS983066 FCL983066:FCO983066 FMH983066:FMK983066 FWD983066:FWG983066 GFZ983066:GGC983066 GPV983066:GPY983066 GZR983066:GZU983066 HJN983066:HJQ983066 HTJ983066:HTM983066 IDF983066:IDI983066 INB983066:INE983066 IWX983066:IXA983066 JGT983066:JGW983066 JQP983066:JQS983066 KAL983066:KAO983066 KKH983066:KKK983066 KUD983066:KUG983066 LDZ983066:LEC983066 LNV983066:LNY983066 LXR983066:LXU983066 MHN983066:MHQ983066 MRJ983066:MRM983066 NBF983066:NBI983066 NLB983066:NLE983066 NUX983066:NVA983066 OET983066:OEW983066 OOP983066:OOS983066 OYL983066:OYO983066 PIH983066:PIK983066 PSD983066:PSG983066 QBZ983066:QCC983066 QLV983066:QLY983066 QVR983066:QVU983066 RFN983066:RFQ983066 RPJ983066:RPM983066 RZF983066:RZI983066 SJB983066:SJE983066 SSX983066:STA983066 TCT983066:TCW983066 TMP983066:TMS983066 TWL983066:TWO983066 UGH983066:UGK983066 UQD983066:UQG983066 UZZ983066:VAC983066 VJV983066:VJY983066 VTR983066:VTU983066 WDN983066:WDQ983066 WNJ983066:WNM983066 WXF983066:WXI983066 BC25:BF25 KY25:LB25 UU25:UX25 AEQ25:AET25 AOM25:AOP25 AYI25:AYL25 BIE25:BIH25 BSA25:BSD25 CBW25:CBZ25 CLS25:CLV25 CVO25:CVR25 DFK25:DFN25 DPG25:DPJ25 DZC25:DZF25 EIY25:EJB25 ESU25:ESX25 FCQ25:FCT25 FMM25:FMP25 FWI25:FWL25 GGE25:GGH25 GQA25:GQD25 GZW25:GZZ25 HJS25:HJV25 HTO25:HTR25 IDK25:IDN25 ING25:INJ25 IXC25:IXF25 JGY25:JHB25 JQU25:JQX25 KAQ25:KAT25 KKM25:KKP25 KUI25:KUL25 LEE25:LEH25 LOA25:LOD25 LXW25:LXZ25 MHS25:MHV25 MRO25:MRR25 NBK25:NBN25 NLG25:NLJ25 NVC25:NVF25 OEY25:OFB25 OOU25:OOX25 OYQ25:OYT25 PIM25:PIP25 PSI25:PSL25 QCE25:QCH25 QMA25:QMD25 QVW25:QVZ25 RFS25:RFV25 RPO25:RPR25 RZK25:RZN25 SJG25:SJJ25 STC25:STF25 TCY25:TDB25 TMU25:TMX25 TWQ25:TWT25 UGM25:UGP25 UQI25:UQL25 VAE25:VAH25 VKA25:VKD25 VTW25:VTZ25 WDS25:WDV25 WNO25:WNR25 WXK25:WXN25 BC65562:BF65562 KY65562:LB65562 UU65562:UX65562 AEQ65562:AET65562 AOM65562:AOP65562 AYI65562:AYL65562 BIE65562:BIH65562 BSA65562:BSD65562 CBW65562:CBZ65562 CLS65562:CLV65562 CVO65562:CVR65562 DFK65562:DFN65562 DPG65562:DPJ65562 DZC65562:DZF65562 EIY65562:EJB65562 ESU65562:ESX65562 FCQ65562:FCT65562 FMM65562:FMP65562 FWI65562:FWL65562 GGE65562:GGH65562 GQA65562:GQD65562 GZW65562:GZZ65562 HJS65562:HJV65562 HTO65562:HTR65562 IDK65562:IDN65562 ING65562:INJ65562 IXC65562:IXF65562 JGY65562:JHB65562 JQU65562:JQX65562 KAQ65562:KAT65562 KKM65562:KKP65562 KUI65562:KUL65562 LEE65562:LEH65562 LOA65562:LOD65562 LXW65562:LXZ65562 MHS65562:MHV65562 MRO65562:MRR65562 NBK65562:NBN65562 NLG65562:NLJ65562 NVC65562:NVF65562 OEY65562:OFB65562 OOU65562:OOX65562 OYQ65562:OYT65562 PIM65562:PIP65562 PSI65562:PSL65562 QCE65562:QCH65562 QMA65562:QMD65562 QVW65562:QVZ65562 RFS65562:RFV65562 RPO65562:RPR65562 RZK65562:RZN65562 SJG65562:SJJ65562 STC65562:STF65562 TCY65562:TDB65562 TMU65562:TMX65562 TWQ65562:TWT65562 UGM65562:UGP65562 UQI65562:UQL65562 VAE65562:VAH65562 VKA65562:VKD65562 VTW65562:VTZ65562 WDS65562:WDV65562 WNO65562:WNR65562 WXK65562:WXN65562 BC131098:BF131098 KY131098:LB131098 UU131098:UX131098 AEQ131098:AET131098 AOM131098:AOP131098 AYI131098:AYL131098 BIE131098:BIH131098 BSA131098:BSD131098 CBW131098:CBZ131098 CLS131098:CLV131098 CVO131098:CVR131098 DFK131098:DFN131098 DPG131098:DPJ131098 DZC131098:DZF131098 EIY131098:EJB131098 ESU131098:ESX131098 FCQ131098:FCT131098 FMM131098:FMP131098 FWI131098:FWL131098 GGE131098:GGH131098 GQA131098:GQD131098 GZW131098:GZZ131098 HJS131098:HJV131098 HTO131098:HTR131098 IDK131098:IDN131098 ING131098:INJ131098 IXC131098:IXF131098 JGY131098:JHB131098 JQU131098:JQX131098 KAQ131098:KAT131098 KKM131098:KKP131098 KUI131098:KUL131098 LEE131098:LEH131098 LOA131098:LOD131098 LXW131098:LXZ131098 MHS131098:MHV131098 MRO131098:MRR131098 NBK131098:NBN131098 NLG131098:NLJ131098 NVC131098:NVF131098 OEY131098:OFB131098 OOU131098:OOX131098 OYQ131098:OYT131098 PIM131098:PIP131098 PSI131098:PSL131098 QCE131098:QCH131098 QMA131098:QMD131098 QVW131098:QVZ131098 RFS131098:RFV131098 RPO131098:RPR131098 RZK131098:RZN131098 SJG131098:SJJ131098 STC131098:STF131098 TCY131098:TDB131098 TMU131098:TMX131098 TWQ131098:TWT131098 UGM131098:UGP131098 UQI131098:UQL131098 VAE131098:VAH131098 VKA131098:VKD131098 VTW131098:VTZ131098 WDS131098:WDV131098 WNO131098:WNR131098 WXK131098:WXN131098 BC196634:BF196634 KY196634:LB196634 UU196634:UX196634 AEQ196634:AET196634 AOM196634:AOP196634 AYI196634:AYL196634 BIE196634:BIH196634 BSA196634:BSD196634 CBW196634:CBZ196634 CLS196634:CLV196634 CVO196634:CVR196634 DFK196634:DFN196634 DPG196634:DPJ196634 DZC196634:DZF196634 EIY196634:EJB196634 ESU196634:ESX196634 FCQ196634:FCT196634 FMM196634:FMP196634 FWI196634:FWL196634 GGE196634:GGH196634 GQA196634:GQD196634 GZW196634:GZZ196634 HJS196634:HJV196634 HTO196634:HTR196634 IDK196634:IDN196634 ING196634:INJ196634 IXC196634:IXF196634 JGY196634:JHB196634 JQU196634:JQX196634 KAQ196634:KAT196634 KKM196634:KKP196634 KUI196634:KUL196634 LEE196634:LEH196634 LOA196634:LOD196634 LXW196634:LXZ196634 MHS196634:MHV196634 MRO196634:MRR196634 NBK196634:NBN196634 NLG196634:NLJ196634 NVC196634:NVF196634 OEY196634:OFB196634 OOU196634:OOX196634 OYQ196634:OYT196634 PIM196634:PIP196634 PSI196634:PSL196634 QCE196634:QCH196634 QMA196634:QMD196634 QVW196634:QVZ196634 RFS196634:RFV196634 RPO196634:RPR196634 RZK196634:RZN196634 SJG196634:SJJ196634 STC196634:STF196634 TCY196634:TDB196634 TMU196634:TMX196634 TWQ196634:TWT196634 UGM196634:UGP196634 UQI196634:UQL196634 VAE196634:VAH196634 VKA196634:VKD196634 VTW196634:VTZ196634 WDS196634:WDV196634 WNO196634:WNR196634 WXK196634:WXN196634 BC262170:BF262170 KY262170:LB262170 UU262170:UX262170 AEQ262170:AET262170 AOM262170:AOP262170 AYI262170:AYL262170 BIE262170:BIH262170 BSA262170:BSD262170 CBW262170:CBZ262170 CLS262170:CLV262170 CVO262170:CVR262170 DFK262170:DFN262170 DPG262170:DPJ262170 DZC262170:DZF262170 EIY262170:EJB262170 ESU262170:ESX262170 FCQ262170:FCT262170 FMM262170:FMP262170 FWI262170:FWL262170 GGE262170:GGH262170 GQA262170:GQD262170 GZW262170:GZZ262170 HJS262170:HJV262170 HTO262170:HTR262170 IDK262170:IDN262170 ING262170:INJ262170 IXC262170:IXF262170 JGY262170:JHB262170 JQU262170:JQX262170 KAQ262170:KAT262170 KKM262170:KKP262170 KUI262170:KUL262170 LEE262170:LEH262170 LOA262170:LOD262170 LXW262170:LXZ262170 MHS262170:MHV262170 MRO262170:MRR262170 NBK262170:NBN262170 NLG262170:NLJ262170 NVC262170:NVF262170 OEY262170:OFB262170 OOU262170:OOX262170 OYQ262170:OYT262170 PIM262170:PIP262170 PSI262170:PSL262170 QCE262170:QCH262170 QMA262170:QMD262170 QVW262170:QVZ262170 RFS262170:RFV262170 RPO262170:RPR262170 RZK262170:RZN262170 SJG262170:SJJ262170 STC262170:STF262170 TCY262170:TDB262170 TMU262170:TMX262170 TWQ262170:TWT262170 UGM262170:UGP262170 UQI262170:UQL262170 VAE262170:VAH262170 VKA262170:VKD262170 VTW262170:VTZ262170 WDS262170:WDV262170 WNO262170:WNR262170 WXK262170:WXN262170 BC327706:BF327706 KY327706:LB327706 UU327706:UX327706 AEQ327706:AET327706 AOM327706:AOP327706 AYI327706:AYL327706 BIE327706:BIH327706 BSA327706:BSD327706 CBW327706:CBZ327706 CLS327706:CLV327706 CVO327706:CVR327706 DFK327706:DFN327706 DPG327706:DPJ327706 DZC327706:DZF327706 EIY327706:EJB327706 ESU327706:ESX327706 FCQ327706:FCT327706 FMM327706:FMP327706 FWI327706:FWL327706 GGE327706:GGH327706 GQA327706:GQD327706 GZW327706:GZZ327706 HJS327706:HJV327706 HTO327706:HTR327706 IDK327706:IDN327706 ING327706:INJ327706 IXC327706:IXF327706 JGY327706:JHB327706 JQU327706:JQX327706 KAQ327706:KAT327706 KKM327706:KKP327706 KUI327706:KUL327706 LEE327706:LEH327706 LOA327706:LOD327706 LXW327706:LXZ327706 MHS327706:MHV327706 MRO327706:MRR327706 NBK327706:NBN327706 NLG327706:NLJ327706 NVC327706:NVF327706 OEY327706:OFB327706 OOU327706:OOX327706 OYQ327706:OYT327706 PIM327706:PIP327706 PSI327706:PSL327706 QCE327706:QCH327706 QMA327706:QMD327706 QVW327706:QVZ327706 RFS327706:RFV327706 RPO327706:RPR327706 RZK327706:RZN327706 SJG327706:SJJ327706 STC327706:STF327706 TCY327706:TDB327706 TMU327706:TMX327706 TWQ327706:TWT327706 UGM327706:UGP327706 UQI327706:UQL327706 VAE327706:VAH327706 VKA327706:VKD327706 VTW327706:VTZ327706 WDS327706:WDV327706 WNO327706:WNR327706 WXK327706:WXN327706 BC393242:BF393242 KY393242:LB393242 UU393242:UX393242 AEQ393242:AET393242 AOM393242:AOP393242 AYI393242:AYL393242 BIE393242:BIH393242 BSA393242:BSD393242 CBW393242:CBZ393242 CLS393242:CLV393242 CVO393242:CVR393242 DFK393242:DFN393242 DPG393242:DPJ393242 DZC393242:DZF393242 EIY393242:EJB393242 ESU393242:ESX393242 FCQ393242:FCT393242 FMM393242:FMP393242 FWI393242:FWL393242 GGE393242:GGH393242 GQA393242:GQD393242 GZW393242:GZZ393242 HJS393242:HJV393242 HTO393242:HTR393242 IDK393242:IDN393242 ING393242:INJ393242 IXC393242:IXF393242 JGY393242:JHB393242 JQU393242:JQX393242 KAQ393242:KAT393242 KKM393242:KKP393242 KUI393242:KUL393242 LEE393242:LEH393242 LOA393242:LOD393242 LXW393242:LXZ393242 MHS393242:MHV393242 MRO393242:MRR393242 NBK393242:NBN393242 NLG393242:NLJ393242 NVC393242:NVF393242 OEY393242:OFB393242 OOU393242:OOX393242 OYQ393242:OYT393242 PIM393242:PIP393242 PSI393242:PSL393242 QCE393242:QCH393242 QMA393242:QMD393242 QVW393242:QVZ393242 RFS393242:RFV393242 RPO393242:RPR393242 RZK393242:RZN393242 SJG393242:SJJ393242 STC393242:STF393242 TCY393242:TDB393242 TMU393242:TMX393242 TWQ393242:TWT393242 UGM393242:UGP393242 UQI393242:UQL393242 VAE393242:VAH393242 VKA393242:VKD393242 VTW393242:VTZ393242 WDS393242:WDV393242 WNO393242:WNR393242 WXK393242:WXN393242 BC458778:BF458778 KY458778:LB458778 UU458778:UX458778 AEQ458778:AET458778 AOM458778:AOP458778 AYI458778:AYL458778 BIE458778:BIH458778 BSA458778:BSD458778 CBW458778:CBZ458778 CLS458778:CLV458778 CVO458778:CVR458778 DFK458778:DFN458778 DPG458778:DPJ458778 DZC458778:DZF458778 EIY458778:EJB458778 ESU458778:ESX458778 FCQ458778:FCT458778 FMM458778:FMP458778 FWI458778:FWL458778 GGE458778:GGH458778 GQA458778:GQD458778 GZW458778:GZZ458778 HJS458778:HJV458778 HTO458778:HTR458778 IDK458778:IDN458778 ING458778:INJ458778 IXC458778:IXF458778 JGY458778:JHB458778 JQU458778:JQX458778 KAQ458778:KAT458778 KKM458778:KKP458778 KUI458778:KUL458778 LEE458778:LEH458778 LOA458778:LOD458778 LXW458778:LXZ458778 MHS458778:MHV458778 MRO458778:MRR458778 NBK458778:NBN458778 NLG458778:NLJ458778 NVC458778:NVF458778 OEY458778:OFB458778 OOU458778:OOX458778 OYQ458778:OYT458778 PIM458778:PIP458778 PSI458778:PSL458778 QCE458778:QCH458778 QMA458778:QMD458778 QVW458778:QVZ458778 RFS458778:RFV458778 RPO458778:RPR458778 RZK458778:RZN458778 SJG458778:SJJ458778 STC458778:STF458778 TCY458778:TDB458778 TMU458778:TMX458778 TWQ458778:TWT458778 UGM458778:UGP458778 UQI458778:UQL458778 VAE458778:VAH458778 VKA458778:VKD458778 VTW458778:VTZ458778 WDS458778:WDV458778 WNO458778:WNR458778 WXK458778:WXN458778 BC524314:BF524314 KY524314:LB524314 UU524314:UX524314 AEQ524314:AET524314 AOM524314:AOP524314 AYI524314:AYL524314 BIE524314:BIH524314 BSA524314:BSD524314 CBW524314:CBZ524314 CLS524314:CLV524314 CVO524314:CVR524314 DFK524314:DFN524314 DPG524314:DPJ524314 DZC524314:DZF524314 EIY524314:EJB524314 ESU524314:ESX524314 FCQ524314:FCT524314 FMM524314:FMP524314 FWI524314:FWL524314 GGE524314:GGH524314 GQA524314:GQD524314 GZW524314:GZZ524314 HJS524314:HJV524314 HTO524314:HTR524314 IDK524314:IDN524314 ING524314:INJ524314 IXC524314:IXF524314 JGY524314:JHB524314 JQU524314:JQX524314 KAQ524314:KAT524314 KKM524314:KKP524314 KUI524314:KUL524314 LEE524314:LEH524314 LOA524314:LOD524314 LXW524314:LXZ524314 MHS524314:MHV524314 MRO524314:MRR524314 NBK524314:NBN524314 NLG524314:NLJ524314 NVC524314:NVF524314 OEY524314:OFB524314 OOU524314:OOX524314 OYQ524314:OYT524314 PIM524314:PIP524314 PSI524314:PSL524314 QCE524314:QCH524314 QMA524314:QMD524314 QVW524314:QVZ524314 RFS524314:RFV524314 RPO524314:RPR524314 RZK524314:RZN524314 SJG524314:SJJ524314 STC524314:STF524314 TCY524314:TDB524314 TMU524314:TMX524314 TWQ524314:TWT524314 UGM524314:UGP524314 UQI524314:UQL524314 VAE524314:VAH524314 VKA524314:VKD524314 VTW524314:VTZ524314 WDS524314:WDV524314 WNO524314:WNR524314 WXK524314:WXN524314 BC589850:BF589850 KY589850:LB589850 UU589850:UX589850 AEQ589850:AET589850 AOM589850:AOP589850 AYI589850:AYL589850 BIE589850:BIH589850 BSA589850:BSD589850 CBW589850:CBZ589850 CLS589850:CLV589850 CVO589850:CVR589850 DFK589850:DFN589850 DPG589850:DPJ589850 DZC589850:DZF589850 EIY589850:EJB589850 ESU589850:ESX589850 FCQ589850:FCT589850 FMM589850:FMP589850 FWI589850:FWL589850 GGE589850:GGH589850 GQA589850:GQD589850 GZW589850:GZZ589850 HJS589850:HJV589850 HTO589850:HTR589850 IDK589850:IDN589850 ING589850:INJ589850 IXC589850:IXF589850 JGY589850:JHB589850 JQU589850:JQX589850 KAQ589850:KAT589850 KKM589850:KKP589850 KUI589850:KUL589850 LEE589850:LEH589850 LOA589850:LOD589850 LXW589850:LXZ589850 MHS589850:MHV589850 MRO589850:MRR589850 NBK589850:NBN589850 NLG589850:NLJ589850 NVC589850:NVF589850 OEY589850:OFB589850 OOU589850:OOX589850 OYQ589850:OYT589850 PIM589850:PIP589850 PSI589850:PSL589850 QCE589850:QCH589850 QMA589850:QMD589850 QVW589850:QVZ589850 RFS589850:RFV589850 RPO589850:RPR589850 RZK589850:RZN589850 SJG589850:SJJ589850 STC589850:STF589850 TCY589850:TDB589850 TMU589850:TMX589850 TWQ589850:TWT589850 UGM589850:UGP589850 UQI589850:UQL589850 VAE589850:VAH589850 VKA589850:VKD589850 VTW589850:VTZ589850 WDS589850:WDV589850 WNO589850:WNR589850 WXK589850:WXN589850 BC655386:BF655386 KY655386:LB655386 UU655386:UX655386 AEQ655386:AET655386 AOM655386:AOP655386 AYI655386:AYL655386 BIE655386:BIH655386 BSA655386:BSD655386 CBW655386:CBZ655386 CLS655386:CLV655386 CVO655386:CVR655386 DFK655386:DFN655386 DPG655386:DPJ655386 DZC655386:DZF655386 EIY655386:EJB655386 ESU655386:ESX655386 FCQ655386:FCT655386 FMM655386:FMP655386 FWI655386:FWL655386 GGE655386:GGH655386 GQA655386:GQD655386 GZW655386:GZZ655386 HJS655386:HJV655386 HTO655386:HTR655386 IDK655386:IDN655386 ING655386:INJ655386 IXC655386:IXF655386 JGY655386:JHB655386 JQU655386:JQX655386 KAQ655386:KAT655386 KKM655386:KKP655386 KUI655386:KUL655386 LEE655386:LEH655386 LOA655386:LOD655386 LXW655386:LXZ655386 MHS655386:MHV655386 MRO655386:MRR655386 NBK655386:NBN655386 NLG655386:NLJ655386 NVC655386:NVF655386 OEY655386:OFB655386 OOU655386:OOX655386 OYQ655386:OYT655386 PIM655386:PIP655386 PSI655386:PSL655386 QCE655386:QCH655386 QMA655386:QMD655386 QVW655386:QVZ655386 RFS655386:RFV655386 RPO655386:RPR655386 RZK655386:RZN655386 SJG655386:SJJ655386 STC655386:STF655386 TCY655386:TDB655386 TMU655386:TMX655386 TWQ655386:TWT655386 UGM655386:UGP655386 UQI655386:UQL655386 VAE655386:VAH655386 VKA655386:VKD655386 VTW655386:VTZ655386 WDS655386:WDV655386 WNO655386:WNR655386 WXK655386:WXN655386 BC720922:BF720922 KY720922:LB720922 UU720922:UX720922 AEQ720922:AET720922 AOM720922:AOP720922 AYI720922:AYL720922 BIE720922:BIH720922 BSA720922:BSD720922 CBW720922:CBZ720922 CLS720922:CLV720922 CVO720922:CVR720922 DFK720922:DFN720922 DPG720922:DPJ720922 DZC720922:DZF720922 EIY720922:EJB720922 ESU720922:ESX720922 FCQ720922:FCT720922 FMM720922:FMP720922 FWI720922:FWL720922 GGE720922:GGH720922 GQA720922:GQD720922 GZW720922:GZZ720922 HJS720922:HJV720922 HTO720922:HTR720922 IDK720922:IDN720922 ING720922:INJ720922 IXC720922:IXF720922 JGY720922:JHB720922 JQU720922:JQX720922 KAQ720922:KAT720922 KKM720922:KKP720922 KUI720922:KUL720922 LEE720922:LEH720922 LOA720922:LOD720922 LXW720922:LXZ720922 MHS720922:MHV720922 MRO720922:MRR720922 NBK720922:NBN720922 NLG720922:NLJ720922 NVC720922:NVF720922 OEY720922:OFB720922 OOU720922:OOX720922 OYQ720922:OYT720922 PIM720922:PIP720922 PSI720922:PSL720922 QCE720922:QCH720922 QMA720922:QMD720922 QVW720922:QVZ720922 RFS720922:RFV720922 RPO720922:RPR720922 RZK720922:RZN720922 SJG720922:SJJ720922 STC720922:STF720922 TCY720922:TDB720922 TMU720922:TMX720922 TWQ720922:TWT720922 UGM720922:UGP720922 UQI720922:UQL720922 VAE720922:VAH720922 VKA720922:VKD720922 VTW720922:VTZ720922 WDS720922:WDV720922 WNO720922:WNR720922 WXK720922:WXN720922 BC786458:BF786458 KY786458:LB786458 UU786458:UX786458 AEQ786458:AET786458 AOM786458:AOP786458 AYI786458:AYL786458 BIE786458:BIH786458 BSA786458:BSD786458 CBW786458:CBZ786458 CLS786458:CLV786458 CVO786458:CVR786458 DFK786458:DFN786458 DPG786458:DPJ786458 DZC786458:DZF786458 EIY786458:EJB786458 ESU786458:ESX786458 FCQ786458:FCT786458 FMM786458:FMP786458 FWI786458:FWL786458 GGE786458:GGH786458 GQA786458:GQD786458 GZW786458:GZZ786458 HJS786458:HJV786458 HTO786458:HTR786458 IDK786458:IDN786458 ING786458:INJ786458 IXC786458:IXF786458 JGY786458:JHB786458 JQU786458:JQX786458 KAQ786458:KAT786458 KKM786458:KKP786458 KUI786458:KUL786458 LEE786458:LEH786458 LOA786458:LOD786458 LXW786458:LXZ786458 MHS786458:MHV786458 MRO786458:MRR786458 NBK786458:NBN786458 NLG786458:NLJ786458 NVC786458:NVF786458 OEY786458:OFB786458 OOU786458:OOX786458 OYQ786458:OYT786458 PIM786458:PIP786458 PSI786458:PSL786458 QCE786458:QCH786458 QMA786458:QMD786458 QVW786458:QVZ786458 RFS786458:RFV786458 RPO786458:RPR786458 RZK786458:RZN786458 SJG786458:SJJ786458 STC786458:STF786458 TCY786458:TDB786458 TMU786458:TMX786458 TWQ786458:TWT786458 UGM786458:UGP786458 UQI786458:UQL786458 VAE786458:VAH786458 VKA786458:VKD786458 VTW786458:VTZ786458 WDS786458:WDV786458 WNO786458:WNR786458 WXK786458:WXN786458 BC851994:BF851994 KY851994:LB851994 UU851994:UX851994 AEQ851994:AET851994 AOM851994:AOP851994 AYI851994:AYL851994 BIE851994:BIH851994 BSA851994:BSD851994 CBW851994:CBZ851994 CLS851994:CLV851994 CVO851994:CVR851994 DFK851994:DFN851994 DPG851994:DPJ851994 DZC851994:DZF851994 EIY851994:EJB851994 ESU851994:ESX851994 FCQ851994:FCT851994 FMM851994:FMP851994 FWI851994:FWL851994 GGE851994:GGH851994 GQA851994:GQD851994 GZW851994:GZZ851994 HJS851994:HJV851994 HTO851994:HTR851994 IDK851994:IDN851994 ING851994:INJ851994 IXC851994:IXF851994 JGY851994:JHB851994 JQU851994:JQX851994 KAQ851994:KAT851994 KKM851994:KKP851994 KUI851994:KUL851994 LEE851994:LEH851994 LOA851994:LOD851994 LXW851994:LXZ851994 MHS851994:MHV851994 MRO851994:MRR851994 NBK851994:NBN851994 NLG851994:NLJ851994 NVC851994:NVF851994 OEY851994:OFB851994 OOU851994:OOX851994 OYQ851994:OYT851994 PIM851994:PIP851994 PSI851994:PSL851994 QCE851994:QCH851994 QMA851994:QMD851994 QVW851994:QVZ851994 RFS851994:RFV851994 RPO851994:RPR851994 RZK851994:RZN851994 SJG851994:SJJ851994 STC851994:STF851994 TCY851994:TDB851994 TMU851994:TMX851994 TWQ851994:TWT851994 UGM851994:UGP851994 UQI851994:UQL851994 VAE851994:VAH851994 VKA851994:VKD851994 VTW851994:VTZ851994 WDS851994:WDV851994 WNO851994:WNR851994 WXK851994:WXN851994 BC917530:BF917530 KY917530:LB917530 UU917530:UX917530 AEQ917530:AET917530 AOM917530:AOP917530 AYI917530:AYL917530 BIE917530:BIH917530 BSA917530:BSD917530 CBW917530:CBZ917530 CLS917530:CLV917530 CVO917530:CVR917530 DFK917530:DFN917530 DPG917530:DPJ917530 DZC917530:DZF917530 EIY917530:EJB917530 ESU917530:ESX917530 FCQ917530:FCT917530 FMM917530:FMP917530 FWI917530:FWL917530 GGE917530:GGH917530 GQA917530:GQD917530 GZW917530:GZZ917530 HJS917530:HJV917530 HTO917530:HTR917530 IDK917530:IDN917530 ING917530:INJ917530 IXC917530:IXF917530 JGY917530:JHB917530 JQU917530:JQX917530 KAQ917530:KAT917530 KKM917530:KKP917530 KUI917530:KUL917530 LEE917530:LEH917530 LOA917530:LOD917530 LXW917530:LXZ917530 MHS917530:MHV917530 MRO917530:MRR917530 NBK917530:NBN917530 NLG917530:NLJ917530 NVC917530:NVF917530 OEY917530:OFB917530 OOU917530:OOX917530 OYQ917530:OYT917530 PIM917530:PIP917530 PSI917530:PSL917530 QCE917530:QCH917530 QMA917530:QMD917530 QVW917530:QVZ917530 RFS917530:RFV917530 RPO917530:RPR917530 RZK917530:RZN917530 SJG917530:SJJ917530 STC917530:STF917530 TCY917530:TDB917530 TMU917530:TMX917530 TWQ917530:TWT917530 UGM917530:UGP917530 UQI917530:UQL917530 VAE917530:VAH917530 VKA917530:VKD917530 VTW917530:VTZ917530 WDS917530:WDV917530 WNO917530:WNR917530 WXK917530:WXN917530 BC983066:BF983066 KY983066:LB983066 UU983066:UX983066 AEQ983066:AET983066 AOM983066:AOP983066 AYI983066:AYL983066 BIE983066:BIH983066 BSA983066:BSD983066 CBW983066:CBZ983066 CLS983066:CLV983066 CVO983066:CVR983066 DFK983066:DFN983066 DPG983066:DPJ983066 DZC983066:DZF983066 EIY983066:EJB983066 ESU983066:ESX983066 FCQ983066:FCT983066 FMM983066:FMP983066 FWI983066:FWL983066 GGE983066:GGH983066 GQA983066:GQD983066 GZW983066:GZZ983066 HJS983066:HJV983066 HTO983066:HTR983066 IDK983066:IDN983066 ING983066:INJ983066 IXC983066:IXF983066 JGY983066:JHB983066 JQU983066:JQX983066 KAQ983066:KAT983066 KKM983066:KKP983066 KUI983066:KUL983066 LEE983066:LEH983066 LOA983066:LOD983066 LXW983066:LXZ983066 MHS983066:MHV983066 MRO983066:MRR983066 NBK983066:NBN983066 NLG983066:NLJ983066 NVC983066:NVF983066 OEY983066:OFB983066 OOU983066:OOX983066 OYQ983066:OYT983066 PIM983066:PIP983066 PSI983066:PSL983066 QCE983066:QCH983066 QMA983066:QMD983066 QVW983066:QVZ983066 RFS983066:RFV983066 RPO983066:RPR983066 RZK983066:RZN983066 SJG983066:SJJ983066 STC983066:STF983066 TCY983066:TDB983066 TMU983066:TMX983066 TWQ983066:TWT983066 UGM983066:UGP983066 UQI983066:UQL983066 VAE983066:VAH983066 VKA983066:VKD983066 VTW983066:VTZ983066 WDS983066:WDV983066 WNO983066:WNR983066 WXK983066:WXN983066 AY26:BE26 KU26:LA26 UQ26:UW26 AEM26:AES26 AOI26:AOO26 AYE26:AYK26 BIA26:BIG26 BRW26:BSC26 CBS26:CBY26 CLO26:CLU26 CVK26:CVQ26 DFG26:DFM26 DPC26:DPI26 DYY26:DZE26 EIU26:EJA26 ESQ26:ESW26 FCM26:FCS26 FMI26:FMO26 FWE26:FWK26 GGA26:GGG26 GPW26:GQC26 GZS26:GZY26 HJO26:HJU26 HTK26:HTQ26 IDG26:IDM26 INC26:INI26 IWY26:IXE26 JGU26:JHA26 JQQ26:JQW26 KAM26:KAS26 KKI26:KKO26 KUE26:KUK26 LEA26:LEG26 LNW26:LOC26 LXS26:LXY26 MHO26:MHU26 MRK26:MRQ26 NBG26:NBM26 NLC26:NLI26 NUY26:NVE26 OEU26:OFA26 OOQ26:OOW26 OYM26:OYS26 PII26:PIO26 PSE26:PSK26 QCA26:QCG26 QLW26:QMC26 QVS26:QVY26 RFO26:RFU26 RPK26:RPQ26 RZG26:RZM26 SJC26:SJI26 SSY26:STE26 TCU26:TDA26 TMQ26:TMW26 TWM26:TWS26 UGI26:UGO26 UQE26:UQK26 VAA26:VAG26 VJW26:VKC26 VTS26:VTY26 WDO26:WDU26 WNK26:WNQ26 WXG26:WXM26 AY65563:BE65563 KU65563:LA65563 UQ65563:UW65563 AEM65563:AES65563 AOI65563:AOO65563 AYE65563:AYK65563 BIA65563:BIG65563 BRW65563:BSC65563 CBS65563:CBY65563 CLO65563:CLU65563 CVK65563:CVQ65563 DFG65563:DFM65563 DPC65563:DPI65563 DYY65563:DZE65563 EIU65563:EJA65563 ESQ65563:ESW65563 FCM65563:FCS65563 FMI65563:FMO65563 FWE65563:FWK65563 GGA65563:GGG65563 GPW65563:GQC65563 GZS65563:GZY65563 HJO65563:HJU65563 HTK65563:HTQ65563 IDG65563:IDM65563 INC65563:INI65563 IWY65563:IXE65563 JGU65563:JHA65563 JQQ65563:JQW65563 KAM65563:KAS65563 KKI65563:KKO65563 KUE65563:KUK65563 LEA65563:LEG65563 LNW65563:LOC65563 LXS65563:LXY65563 MHO65563:MHU65563 MRK65563:MRQ65563 NBG65563:NBM65563 NLC65563:NLI65563 NUY65563:NVE65563 OEU65563:OFA65563 OOQ65563:OOW65563 OYM65563:OYS65563 PII65563:PIO65563 PSE65563:PSK65563 QCA65563:QCG65563 QLW65563:QMC65563 QVS65563:QVY65563 RFO65563:RFU65563 RPK65563:RPQ65563 RZG65563:RZM65563 SJC65563:SJI65563 SSY65563:STE65563 TCU65563:TDA65563 TMQ65563:TMW65563 TWM65563:TWS65563 UGI65563:UGO65563 UQE65563:UQK65563 VAA65563:VAG65563 VJW65563:VKC65563 VTS65563:VTY65563 WDO65563:WDU65563 WNK65563:WNQ65563 WXG65563:WXM65563 AY131099:BE131099 KU131099:LA131099 UQ131099:UW131099 AEM131099:AES131099 AOI131099:AOO131099 AYE131099:AYK131099 BIA131099:BIG131099 BRW131099:BSC131099 CBS131099:CBY131099 CLO131099:CLU131099 CVK131099:CVQ131099 DFG131099:DFM131099 DPC131099:DPI131099 DYY131099:DZE131099 EIU131099:EJA131099 ESQ131099:ESW131099 FCM131099:FCS131099 FMI131099:FMO131099 FWE131099:FWK131099 GGA131099:GGG131099 GPW131099:GQC131099 GZS131099:GZY131099 HJO131099:HJU131099 HTK131099:HTQ131099 IDG131099:IDM131099 INC131099:INI131099 IWY131099:IXE131099 JGU131099:JHA131099 JQQ131099:JQW131099 KAM131099:KAS131099 KKI131099:KKO131099 KUE131099:KUK131099 LEA131099:LEG131099 LNW131099:LOC131099 LXS131099:LXY131099 MHO131099:MHU131099 MRK131099:MRQ131099 NBG131099:NBM131099 NLC131099:NLI131099 NUY131099:NVE131099 OEU131099:OFA131099 OOQ131099:OOW131099 OYM131099:OYS131099 PII131099:PIO131099 PSE131099:PSK131099 QCA131099:QCG131099 QLW131099:QMC131099 QVS131099:QVY131099 RFO131099:RFU131099 RPK131099:RPQ131099 RZG131099:RZM131099 SJC131099:SJI131099 SSY131099:STE131099 TCU131099:TDA131099 TMQ131099:TMW131099 TWM131099:TWS131099 UGI131099:UGO131099 UQE131099:UQK131099 VAA131099:VAG131099 VJW131099:VKC131099 VTS131099:VTY131099 WDO131099:WDU131099 WNK131099:WNQ131099 WXG131099:WXM131099 AY196635:BE196635 KU196635:LA196635 UQ196635:UW196635 AEM196635:AES196635 AOI196635:AOO196635 AYE196635:AYK196635 BIA196635:BIG196635 BRW196635:BSC196635 CBS196635:CBY196635 CLO196635:CLU196635 CVK196635:CVQ196635 DFG196635:DFM196635 DPC196635:DPI196635 DYY196635:DZE196635 EIU196635:EJA196635 ESQ196635:ESW196635 FCM196635:FCS196635 FMI196635:FMO196635 FWE196635:FWK196635 GGA196635:GGG196635 GPW196635:GQC196635 GZS196635:GZY196635 HJO196635:HJU196635 HTK196635:HTQ196635 IDG196635:IDM196635 INC196635:INI196635 IWY196635:IXE196635 JGU196635:JHA196635 JQQ196635:JQW196635 KAM196635:KAS196635 KKI196635:KKO196635 KUE196635:KUK196635 LEA196635:LEG196635 LNW196635:LOC196635 LXS196635:LXY196635 MHO196635:MHU196635 MRK196635:MRQ196635 NBG196635:NBM196635 NLC196635:NLI196635 NUY196635:NVE196635 OEU196635:OFA196635 OOQ196635:OOW196635 OYM196635:OYS196635 PII196635:PIO196635 PSE196635:PSK196635 QCA196635:QCG196635 QLW196635:QMC196635 QVS196635:QVY196635 RFO196635:RFU196635 RPK196635:RPQ196635 RZG196635:RZM196635 SJC196635:SJI196635 SSY196635:STE196635 TCU196635:TDA196635 TMQ196635:TMW196635 TWM196635:TWS196635 UGI196635:UGO196635 UQE196635:UQK196635 VAA196635:VAG196635 VJW196635:VKC196635 VTS196635:VTY196635 WDO196635:WDU196635 WNK196635:WNQ196635 WXG196635:WXM196635 AY262171:BE262171 KU262171:LA262171 UQ262171:UW262171 AEM262171:AES262171 AOI262171:AOO262171 AYE262171:AYK262171 BIA262171:BIG262171 BRW262171:BSC262171 CBS262171:CBY262171 CLO262171:CLU262171 CVK262171:CVQ262171 DFG262171:DFM262171 DPC262171:DPI262171 DYY262171:DZE262171 EIU262171:EJA262171 ESQ262171:ESW262171 FCM262171:FCS262171 FMI262171:FMO262171 FWE262171:FWK262171 GGA262171:GGG262171 GPW262171:GQC262171 GZS262171:GZY262171 HJO262171:HJU262171 HTK262171:HTQ262171 IDG262171:IDM262171 INC262171:INI262171 IWY262171:IXE262171 JGU262171:JHA262171 JQQ262171:JQW262171 KAM262171:KAS262171 KKI262171:KKO262171 KUE262171:KUK262171 LEA262171:LEG262171 LNW262171:LOC262171 LXS262171:LXY262171 MHO262171:MHU262171 MRK262171:MRQ262171 NBG262171:NBM262171 NLC262171:NLI262171 NUY262171:NVE262171 OEU262171:OFA262171 OOQ262171:OOW262171 OYM262171:OYS262171 PII262171:PIO262171 PSE262171:PSK262171 QCA262171:QCG262171 QLW262171:QMC262171 QVS262171:QVY262171 RFO262171:RFU262171 RPK262171:RPQ262171 RZG262171:RZM262171 SJC262171:SJI262171 SSY262171:STE262171 TCU262171:TDA262171 TMQ262171:TMW262171 TWM262171:TWS262171 UGI262171:UGO262171 UQE262171:UQK262171 VAA262171:VAG262171 VJW262171:VKC262171 VTS262171:VTY262171 WDO262171:WDU262171 WNK262171:WNQ262171 WXG262171:WXM262171 AY327707:BE327707 KU327707:LA327707 UQ327707:UW327707 AEM327707:AES327707 AOI327707:AOO327707 AYE327707:AYK327707 BIA327707:BIG327707 BRW327707:BSC327707 CBS327707:CBY327707 CLO327707:CLU327707 CVK327707:CVQ327707 DFG327707:DFM327707 DPC327707:DPI327707 DYY327707:DZE327707 EIU327707:EJA327707 ESQ327707:ESW327707 FCM327707:FCS327707 FMI327707:FMO327707 FWE327707:FWK327707 GGA327707:GGG327707 GPW327707:GQC327707 GZS327707:GZY327707 HJO327707:HJU327707 HTK327707:HTQ327707 IDG327707:IDM327707 INC327707:INI327707 IWY327707:IXE327707 JGU327707:JHA327707 JQQ327707:JQW327707 KAM327707:KAS327707 KKI327707:KKO327707 KUE327707:KUK327707 LEA327707:LEG327707 LNW327707:LOC327707 LXS327707:LXY327707 MHO327707:MHU327707 MRK327707:MRQ327707 NBG327707:NBM327707 NLC327707:NLI327707 NUY327707:NVE327707 OEU327707:OFA327707 OOQ327707:OOW327707 OYM327707:OYS327707 PII327707:PIO327707 PSE327707:PSK327707 QCA327707:QCG327707 QLW327707:QMC327707 QVS327707:QVY327707 RFO327707:RFU327707 RPK327707:RPQ327707 RZG327707:RZM327707 SJC327707:SJI327707 SSY327707:STE327707 TCU327707:TDA327707 TMQ327707:TMW327707 TWM327707:TWS327707 UGI327707:UGO327707 UQE327707:UQK327707 VAA327707:VAG327707 VJW327707:VKC327707 VTS327707:VTY327707 WDO327707:WDU327707 WNK327707:WNQ327707 WXG327707:WXM327707 AY393243:BE393243 KU393243:LA393243 UQ393243:UW393243 AEM393243:AES393243 AOI393243:AOO393243 AYE393243:AYK393243 BIA393243:BIG393243 BRW393243:BSC393243 CBS393243:CBY393243 CLO393243:CLU393243 CVK393243:CVQ393243 DFG393243:DFM393243 DPC393243:DPI393243 DYY393243:DZE393243 EIU393243:EJA393243 ESQ393243:ESW393243 FCM393243:FCS393243 FMI393243:FMO393243 FWE393243:FWK393243 GGA393243:GGG393243 GPW393243:GQC393243 GZS393243:GZY393243 HJO393243:HJU393243 HTK393243:HTQ393243 IDG393243:IDM393243 INC393243:INI393243 IWY393243:IXE393243 JGU393243:JHA393243 JQQ393243:JQW393243 KAM393243:KAS393243 KKI393243:KKO393243 KUE393243:KUK393243 LEA393243:LEG393243 LNW393243:LOC393243 LXS393243:LXY393243 MHO393243:MHU393243 MRK393243:MRQ393243 NBG393243:NBM393243 NLC393243:NLI393243 NUY393243:NVE393243 OEU393243:OFA393243 OOQ393243:OOW393243 OYM393243:OYS393243 PII393243:PIO393243 PSE393243:PSK393243 QCA393243:QCG393243 QLW393243:QMC393243 QVS393243:QVY393243 RFO393243:RFU393243 RPK393243:RPQ393243 RZG393243:RZM393243 SJC393243:SJI393243 SSY393243:STE393243 TCU393243:TDA393243 TMQ393243:TMW393243 TWM393243:TWS393243 UGI393243:UGO393243 UQE393243:UQK393243 VAA393243:VAG393243 VJW393243:VKC393243 VTS393243:VTY393243 WDO393243:WDU393243 WNK393243:WNQ393243 WXG393243:WXM393243 AY458779:BE458779 KU458779:LA458779 UQ458779:UW458779 AEM458779:AES458779 AOI458779:AOO458779 AYE458779:AYK458779 BIA458779:BIG458779 BRW458779:BSC458779 CBS458779:CBY458779 CLO458779:CLU458779 CVK458779:CVQ458779 DFG458779:DFM458779 DPC458779:DPI458779 DYY458779:DZE458779 EIU458779:EJA458779 ESQ458779:ESW458779 FCM458779:FCS458779 FMI458779:FMO458779 FWE458779:FWK458779 GGA458779:GGG458779 GPW458779:GQC458779 GZS458779:GZY458779 HJO458779:HJU458779 HTK458779:HTQ458779 IDG458779:IDM458779 INC458779:INI458779 IWY458779:IXE458779 JGU458779:JHA458779 JQQ458779:JQW458779 KAM458779:KAS458779 KKI458779:KKO458779 KUE458779:KUK458779 LEA458779:LEG458779 LNW458779:LOC458779 LXS458779:LXY458779 MHO458779:MHU458779 MRK458779:MRQ458779 NBG458779:NBM458779 NLC458779:NLI458779 NUY458779:NVE458779 OEU458779:OFA458779 OOQ458779:OOW458779 OYM458779:OYS458779 PII458779:PIO458779 PSE458779:PSK458779 QCA458779:QCG458779 QLW458779:QMC458779 QVS458779:QVY458779 RFO458779:RFU458779 RPK458779:RPQ458779 RZG458779:RZM458779 SJC458779:SJI458779 SSY458779:STE458779 TCU458779:TDA458779 TMQ458779:TMW458779 TWM458779:TWS458779 UGI458779:UGO458779 UQE458779:UQK458779 VAA458779:VAG458779 VJW458779:VKC458779 VTS458779:VTY458779 WDO458779:WDU458779 WNK458779:WNQ458779 WXG458779:WXM458779 AY524315:BE524315 KU524315:LA524315 UQ524315:UW524315 AEM524315:AES524315 AOI524315:AOO524315 AYE524315:AYK524315 BIA524315:BIG524315 BRW524315:BSC524315 CBS524315:CBY524315 CLO524315:CLU524315 CVK524315:CVQ524315 DFG524315:DFM524315 DPC524315:DPI524315 DYY524315:DZE524315 EIU524315:EJA524315 ESQ524315:ESW524315 FCM524315:FCS524315 FMI524315:FMO524315 FWE524315:FWK524315 GGA524315:GGG524315 GPW524315:GQC524315 GZS524315:GZY524315 HJO524315:HJU524315 HTK524315:HTQ524315 IDG524315:IDM524315 INC524315:INI524315 IWY524315:IXE524315 JGU524315:JHA524315 JQQ524315:JQW524315 KAM524315:KAS524315 KKI524315:KKO524315 KUE524315:KUK524315 LEA524315:LEG524315 LNW524315:LOC524315 LXS524315:LXY524315 MHO524315:MHU524315 MRK524315:MRQ524315 NBG524315:NBM524315 NLC524315:NLI524315 NUY524315:NVE524315 OEU524315:OFA524315 OOQ524315:OOW524315 OYM524315:OYS524315 PII524315:PIO524315 PSE524315:PSK524315 QCA524315:QCG524315 QLW524315:QMC524315 QVS524315:QVY524315 RFO524315:RFU524315 RPK524315:RPQ524315 RZG524315:RZM524315 SJC524315:SJI524315 SSY524315:STE524315 TCU524315:TDA524315 TMQ524315:TMW524315 TWM524315:TWS524315 UGI524315:UGO524315 UQE524315:UQK524315 VAA524315:VAG524315 VJW524315:VKC524315 VTS524315:VTY524315 WDO524315:WDU524315 WNK524315:WNQ524315 WXG524315:WXM524315 AY589851:BE589851 KU589851:LA589851 UQ589851:UW589851 AEM589851:AES589851 AOI589851:AOO589851 AYE589851:AYK589851 BIA589851:BIG589851 BRW589851:BSC589851 CBS589851:CBY589851 CLO589851:CLU589851 CVK589851:CVQ589851 DFG589851:DFM589851 DPC589851:DPI589851 DYY589851:DZE589851 EIU589851:EJA589851 ESQ589851:ESW589851 FCM589851:FCS589851 FMI589851:FMO589851 FWE589851:FWK589851 GGA589851:GGG589851 GPW589851:GQC589851 GZS589851:GZY589851 HJO589851:HJU589851 HTK589851:HTQ589851 IDG589851:IDM589851 INC589851:INI589851 IWY589851:IXE589851 JGU589851:JHA589851 JQQ589851:JQW589851 KAM589851:KAS589851 KKI589851:KKO589851 KUE589851:KUK589851 LEA589851:LEG589851 LNW589851:LOC589851 LXS589851:LXY589851 MHO589851:MHU589851 MRK589851:MRQ589851 NBG589851:NBM589851 NLC589851:NLI589851 NUY589851:NVE589851 OEU589851:OFA589851 OOQ589851:OOW589851 OYM589851:OYS589851 PII589851:PIO589851 PSE589851:PSK589851 QCA589851:QCG589851 QLW589851:QMC589851 QVS589851:QVY589851 RFO589851:RFU589851 RPK589851:RPQ589851 RZG589851:RZM589851 SJC589851:SJI589851 SSY589851:STE589851 TCU589851:TDA589851 TMQ589851:TMW589851 TWM589851:TWS589851 UGI589851:UGO589851 UQE589851:UQK589851 VAA589851:VAG589851 VJW589851:VKC589851 VTS589851:VTY589851 WDO589851:WDU589851 WNK589851:WNQ589851 WXG589851:WXM589851 AY655387:BE655387 KU655387:LA655387 UQ655387:UW655387 AEM655387:AES655387 AOI655387:AOO655387 AYE655387:AYK655387 BIA655387:BIG655387 BRW655387:BSC655387 CBS655387:CBY655387 CLO655387:CLU655387 CVK655387:CVQ655387 DFG655387:DFM655387 DPC655387:DPI655387 DYY655387:DZE655387 EIU655387:EJA655387 ESQ655387:ESW655387 FCM655387:FCS655387 FMI655387:FMO655387 FWE655387:FWK655387 GGA655387:GGG655387 GPW655387:GQC655387 GZS655387:GZY655387 HJO655387:HJU655387 HTK655387:HTQ655387 IDG655387:IDM655387 INC655387:INI655387 IWY655387:IXE655387 JGU655387:JHA655387 JQQ655387:JQW655387 KAM655387:KAS655387 KKI655387:KKO655387 KUE655387:KUK655387 LEA655387:LEG655387 LNW655387:LOC655387 LXS655387:LXY655387 MHO655387:MHU655387 MRK655387:MRQ655387 NBG655387:NBM655387 NLC655387:NLI655387 NUY655387:NVE655387 OEU655387:OFA655387 OOQ655387:OOW655387 OYM655387:OYS655387 PII655387:PIO655387 PSE655387:PSK655387 QCA655387:QCG655387 QLW655387:QMC655387 QVS655387:QVY655387 RFO655387:RFU655387 RPK655387:RPQ655387 RZG655387:RZM655387 SJC655387:SJI655387 SSY655387:STE655387 TCU655387:TDA655387 TMQ655387:TMW655387 TWM655387:TWS655387 UGI655387:UGO655387 UQE655387:UQK655387 VAA655387:VAG655387 VJW655387:VKC655387 VTS655387:VTY655387 WDO655387:WDU655387 WNK655387:WNQ655387 WXG655387:WXM655387 AY720923:BE720923 KU720923:LA720923 UQ720923:UW720923 AEM720923:AES720923 AOI720923:AOO720923 AYE720923:AYK720923 BIA720923:BIG720923 BRW720923:BSC720923 CBS720923:CBY720923 CLO720923:CLU720923 CVK720923:CVQ720923 DFG720923:DFM720923 DPC720923:DPI720923 DYY720923:DZE720923 EIU720923:EJA720923 ESQ720923:ESW720923 FCM720923:FCS720923 FMI720923:FMO720923 FWE720923:FWK720923 GGA720923:GGG720923 GPW720923:GQC720923 GZS720923:GZY720923 HJO720923:HJU720923 HTK720923:HTQ720923 IDG720923:IDM720923 INC720923:INI720923 IWY720923:IXE720923 JGU720923:JHA720923 JQQ720923:JQW720923 KAM720923:KAS720923 KKI720923:KKO720923 KUE720923:KUK720923 LEA720923:LEG720923 LNW720923:LOC720923 LXS720923:LXY720923 MHO720923:MHU720923 MRK720923:MRQ720923 NBG720923:NBM720923 NLC720923:NLI720923 NUY720923:NVE720923 OEU720923:OFA720923 OOQ720923:OOW720923 OYM720923:OYS720923 PII720923:PIO720923 PSE720923:PSK720923 QCA720923:QCG720923 QLW720923:QMC720923 QVS720923:QVY720923 RFO720923:RFU720923 RPK720923:RPQ720923 RZG720923:RZM720923 SJC720923:SJI720923 SSY720923:STE720923 TCU720923:TDA720923 TMQ720923:TMW720923 TWM720923:TWS720923 UGI720923:UGO720923 UQE720923:UQK720923 VAA720923:VAG720923 VJW720923:VKC720923 VTS720923:VTY720923 WDO720923:WDU720923 WNK720923:WNQ720923 WXG720923:WXM720923 AY786459:BE786459 KU786459:LA786459 UQ786459:UW786459 AEM786459:AES786459 AOI786459:AOO786459 AYE786459:AYK786459 BIA786459:BIG786459 BRW786459:BSC786459 CBS786459:CBY786459 CLO786459:CLU786459 CVK786459:CVQ786459 DFG786459:DFM786459 DPC786459:DPI786459 DYY786459:DZE786459 EIU786459:EJA786459 ESQ786459:ESW786459 FCM786459:FCS786459 FMI786459:FMO786459 FWE786459:FWK786459 GGA786459:GGG786459 GPW786459:GQC786459 GZS786459:GZY786459 HJO786459:HJU786459 HTK786459:HTQ786459 IDG786459:IDM786459 INC786459:INI786459 IWY786459:IXE786459 JGU786459:JHA786459 JQQ786459:JQW786459 KAM786459:KAS786459 KKI786459:KKO786459 KUE786459:KUK786459 LEA786459:LEG786459 LNW786459:LOC786459 LXS786459:LXY786459 MHO786459:MHU786459 MRK786459:MRQ786459 NBG786459:NBM786459 NLC786459:NLI786459 NUY786459:NVE786459 OEU786459:OFA786459 OOQ786459:OOW786459 OYM786459:OYS786459 PII786459:PIO786459 PSE786459:PSK786459 QCA786459:QCG786459 QLW786459:QMC786459 QVS786459:QVY786459 RFO786459:RFU786459 RPK786459:RPQ786459 RZG786459:RZM786459 SJC786459:SJI786459 SSY786459:STE786459 TCU786459:TDA786459 TMQ786459:TMW786459 TWM786459:TWS786459 UGI786459:UGO786459 UQE786459:UQK786459 VAA786459:VAG786459 VJW786459:VKC786459 VTS786459:VTY786459 WDO786459:WDU786459 WNK786459:WNQ786459 WXG786459:WXM786459 AY851995:BE851995 KU851995:LA851995 UQ851995:UW851995 AEM851995:AES851995 AOI851995:AOO851995 AYE851995:AYK851995 BIA851995:BIG851995 BRW851995:BSC851995 CBS851995:CBY851995 CLO851995:CLU851995 CVK851995:CVQ851995 DFG851995:DFM851995 DPC851995:DPI851995 DYY851995:DZE851995 EIU851995:EJA851995 ESQ851995:ESW851995 FCM851995:FCS851995 FMI851995:FMO851995 FWE851995:FWK851995 GGA851995:GGG851995 GPW851995:GQC851995 GZS851995:GZY851995 HJO851995:HJU851995 HTK851995:HTQ851995 IDG851995:IDM851995 INC851995:INI851995 IWY851995:IXE851995 JGU851995:JHA851995 JQQ851995:JQW851995 KAM851995:KAS851995 KKI851995:KKO851995 KUE851995:KUK851995 LEA851995:LEG851995 LNW851995:LOC851995 LXS851995:LXY851995 MHO851995:MHU851995 MRK851995:MRQ851995 NBG851995:NBM851995 NLC851995:NLI851995 NUY851995:NVE851995 OEU851995:OFA851995 OOQ851995:OOW851995 OYM851995:OYS851995 PII851995:PIO851995 PSE851995:PSK851995 QCA851995:QCG851995 QLW851995:QMC851995 QVS851995:QVY851995 RFO851995:RFU851995 RPK851995:RPQ851995 RZG851995:RZM851995 SJC851995:SJI851995 SSY851995:STE851995 TCU851995:TDA851995 TMQ851995:TMW851995 TWM851995:TWS851995 UGI851995:UGO851995 UQE851995:UQK851995 VAA851995:VAG851995 VJW851995:VKC851995 VTS851995:VTY851995 WDO851995:WDU851995 WNK851995:WNQ851995 WXG851995:WXM851995 AY917531:BE917531 KU917531:LA917531 UQ917531:UW917531 AEM917531:AES917531 AOI917531:AOO917531 AYE917531:AYK917531 BIA917531:BIG917531 BRW917531:BSC917531 CBS917531:CBY917531 CLO917531:CLU917531 CVK917531:CVQ917531 DFG917531:DFM917531 DPC917531:DPI917531 DYY917531:DZE917531 EIU917531:EJA917531 ESQ917531:ESW917531 FCM917531:FCS917531 FMI917531:FMO917531 FWE917531:FWK917531 GGA917531:GGG917531 GPW917531:GQC917531 GZS917531:GZY917531 HJO917531:HJU917531 HTK917531:HTQ917531 IDG917531:IDM917531 INC917531:INI917531 IWY917531:IXE917531 JGU917531:JHA917531 JQQ917531:JQW917531 KAM917531:KAS917531 KKI917531:KKO917531 KUE917531:KUK917531 LEA917531:LEG917531 LNW917531:LOC917531 LXS917531:LXY917531 MHO917531:MHU917531 MRK917531:MRQ917531 NBG917531:NBM917531 NLC917531:NLI917531 NUY917531:NVE917531 OEU917531:OFA917531 OOQ917531:OOW917531 OYM917531:OYS917531 PII917531:PIO917531 PSE917531:PSK917531 QCA917531:QCG917531 QLW917531:QMC917531 QVS917531:QVY917531 RFO917531:RFU917531 RPK917531:RPQ917531 RZG917531:RZM917531 SJC917531:SJI917531 SSY917531:STE917531 TCU917531:TDA917531 TMQ917531:TMW917531 TWM917531:TWS917531 UGI917531:UGO917531 UQE917531:UQK917531 VAA917531:VAG917531 VJW917531:VKC917531 VTS917531:VTY917531 WDO917531:WDU917531 WNK917531:WNQ917531 WXG917531:WXM917531 AY983067:BE983067 KU983067:LA983067 UQ983067:UW983067 AEM983067:AES983067 AOI983067:AOO983067 AYE983067:AYK983067 BIA983067:BIG983067 BRW983067:BSC983067 CBS983067:CBY983067 CLO983067:CLU983067 CVK983067:CVQ983067 DFG983067:DFM983067 DPC983067:DPI983067 DYY983067:DZE983067 EIU983067:EJA983067 ESQ983067:ESW983067 FCM983067:FCS983067 FMI983067:FMO983067 FWE983067:FWK983067 GGA983067:GGG983067 GPW983067:GQC983067 GZS983067:GZY983067 HJO983067:HJU983067 HTK983067:HTQ983067 IDG983067:IDM983067 INC983067:INI983067 IWY983067:IXE983067 JGU983067:JHA983067 JQQ983067:JQW983067 KAM983067:KAS983067 KKI983067:KKO983067 KUE983067:KUK983067 LEA983067:LEG983067 LNW983067:LOC983067 LXS983067:LXY983067 MHO983067:MHU983067 MRK983067:MRQ983067 NBG983067:NBM983067 NLC983067:NLI983067 NUY983067:NVE983067 OEU983067:OFA983067 OOQ983067:OOW983067 OYM983067:OYS983067 PII983067:PIO983067 PSE983067:PSK983067 QCA983067:QCG983067 QLW983067:QMC983067 QVS983067:QVY983067 RFO983067:RFU983067 RPK983067:RPQ983067 RZG983067:RZM983067 SJC983067:SJI983067 SSY983067:STE983067 TCU983067:TDA983067 TMQ983067:TMW983067 TWM983067:TWS983067 UGI983067:UGO983067 UQE983067:UQK983067 VAA983067:VAG983067 VJW983067:VKC983067 VTS983067:VTY983067 WDO983067:WDU983067 WNK983067:WNQ983067 WXG983067:WXM983067 AX27:BA27 KT27:KW27 UP27:US27 AEL27:AEO27 AOH27:AOK27 AYD27:AYG27 BHZ27:BIC27 BRV27:BRY27 CBR27:CBU27 CLN27:CLQ27 CVJ27:CVM27 DFF27:DFI27 DPB27:DPE27 DYX27:DZA27 EIT27:EIW27 ESP27:ESS27 FCL27:FCO27 FMH27:FMK27 FWD27:FWG27 GFZ27:GGC27 GPV27:GPY27 GZR27:GZU27 HJN27:HJQ27 HTJ27:HTM27 IDF27:IDI27 INB27:INE27 IWX27:IXA27 JGT27:JGW27 JQP27:JQS27 KAL27:KAO27 KKH27:KKK27 KUD27:KUG27 LDZ27:LEC27 LNV27:LNY27 LXR27:LXU27 MHN27:MHQ27 MRJ27:MRM27 NBF27:NBI27 NLB27:NLE27 NUX27:NVA27 OET27:OEW27 OOP27:OOS27 OYL27:OYO27 PIH27:PIK27 PSD27:PSG27 QBZ27:QCC27 QLV27:QLY27 QVR27:QVU27 RFN27:RFQ27 RPJ27:RPM27 RZF27:RZI27 SJB27:SJE27 SSX27:STA27 TCT27:TCW27 TMP27:TMS27 TWL27:TWO27 UGH27:UGK27 UQD27:UQG27 UZZ27:VAC27 VJV27:VJY27 VTR27:VTU27 WDN27:WDQ27 WNJ27:WNM27 WXF27:WXI27 AX65564:BA65564 KT65564:KW65564 UP65564:US65564 AEL65564:AEO65564 AOH65564:AOK65564 AYD65564:AYG65564 BHZ65564:BIC65564 BRV65564:BRY65564 CBR65564:CBU65564 CLN65564:CLQ65564 CVJ65564:CVM65564 DFF65564:DFI65564 DPB65564:DPE65564 DYX65564:DZA65564 EIT65564:EIW65564 ESP65564:ESS65564 FCL65564:FCO65564 FMH65564:FMK65564 FWD65564:FWG65564 GFZ65564:GGC65564 GPV65564:GPY65564 GZR65564:GZU65564 HJN65564:HJQ65564 HTJ65564:HTM65564 IDF65564:IDI65564 INB65564:INE65564 IWX65564:IXA65564 JGT65564:JGW65564 JQP65564:JQS65564 KAL65564:KAO65564 KKH65564:KKK65564 KUD65564:KUG65564 LDZ65564:LEC65564 LNV65564:LNY65564 LXR65564:LXU65564 MHN65564:MHQ65564 MRJ65564:MRM65564 NBF65564:NBI65564 NLB65564:NLE65564 NUX65564:NVA65564 OET65564:OEW65564 OOP65564:OOS65564 OYL65564:OYO65564 PIH65564:PIK65564 PSD65564:PSG65564 QBZ65564:QCC65564 QLV65564:QLY65564 QVR65564:QVU65564 RFN65564:RFQ65564 RPJ65564:RPM65564 RZF65564:RZI65564 SJB65564:SJE65564 SSX65564:STA65564 TCT65564:TCW65564 TMP65564:TMS65564 TWL65564:TWO65564 UGH65564:UGK65564 UQD65564:UQG65564 UZZ65564:VAC65564 VJV65564:VJY65564 VTR65564:VTU65564 WDN65564:WDQ65564 WNJ65564:WNM65564 WXF65564:WXI65564 AX131100:BA131100 KT131100:KW131100 UP131100:US131100 AEL131100:AEO131100 AOH131100:AOK131100 AYD131100:AYG131100 BHZ131100:BIC131100 BRV131100:BRY131100 CBR131100:CBU131100 CLN131100:CLQ131100 CVJ131100:CVM131100 DFF131100:DFI131100 DPB131100:DPE131100 DYX131100:DZA131100 EIT131100:EIW131100 ESP131100:ESS131100 FCL131100:FCO131100 FMH131100:FMK131100 FWD131100:FWG131100 GFZ131100:GGC131100 GPV131100:GPY131100 GZR131100:GZU131100 HJN131100:HJQ131100 HTJ131100:HTM131100 IDF131100:IDI131100 INB131100:INE131100 IWX131100:IXA131100 JGT131100:JGW131100 JQP131100:JQS131100 KAL131100:KAO131100 KKH131100:KKK131100 KUD131100:KUG131100 LDZ131100:LEC131100 LNV131100:LNY131100 LXR131100:LXU131100 MHN131100:MHQ131100 MRJ131100:MRM131100 NBF131100:NBI131100 NLB131100:NLE131100 NUX131100:NVA131100 OET131100:OEW131100 OOP131100:OOS131100 OYL131100:OYO131100 PIH131100:PIK131100 PSD131100:PSG131100 QBZ131100:QCC131100 QLV131100:QLY131100 QVR131100:QVU131100 RFN131100:RFQ131100 RPJ131100:RPM131100 RZF131100:RZI131100 SJB131100:SJE131100 SSX131100:STA131100 TCT131100:TCW131100 TMP131100:TMS131100 TWL131100:TWO131100 UGH131100:UGK131100 UQD131100:UQG131100 UZZ131100:VAC131100 VJV131100:VJY131100 VTR131100:VTU131100 WDN131100:WDQ131100 WNJ131100:WNM131100 WXF131100:WXI131100 AX196636:BA196636 KT196636:KW196636 UP196636:US196636 AEL196636:AEO196636 AOH196636:AOK196636 AYD196636:AYG196636 BHZ196636:BIC196636 BRV196636:BRY196636 CBR196636:CBU196636 CLN196636:CLQ196636 CVJ196636:CVM196636 DFF196636:DFI196636 DPB196636:DPE196636 DYX196636:DZA196636 EIT196636:EIW196636 ESP196636:ESS196636 FCL196636:FCO196636 FMH196636:FMK196636 FWD196636:FWG196636 GFZ196636:GGC196636 GPV196636:GPY196636 GZR196636:GZU196636 HJN196636:HJQ196636 HTJ196636:HTM196636 IDF196636:IDI196636 INB196636:INE196636 IWX196636:IXA196636 JGT196636:JGW196636 JQP196636:JQS196636 KAL196636:KAO196636 KKH196636:KKK196636 KUD196636:KUG196636 LDZ196636:LEC196636 LNV196636:LNY196636 LXR196636:LXU196636 MHN196636:MHQ196636 MRJ196636:MRM196636 NBF196636:NBI196636 NLB196636:NLE196636 NUX196636:NVA196636 OET196636:OEW196636 OOP196636:OOS196636 OYL196636:OYO196636 PIH196636:PIK196636 PSD196636:PSG196636 QBZ196636:QCC196636 QLV196636:QLY196636 QVR196636:QVU196636 RFN196636:RFQ196636 RPJ196636:RPM196636 RZF196636:RZI196636 SJB196636:SJE196636 SSX196636:STA196636 TCT196636:TCW196636 TMP196636:TMS196636 TWL196636:TWO196636 UGH196636:UGK196636 UQD196636:UQG196636 UZZ196636:VAC196636 VJV196636:VJY196636 VTR196636:VTU196636 WDN196636:WDQ196636 WNJ196636:WNM196636 WXF196636:WXI196636 AX262172:BA262172 KT262172:KW262172 UP262172:US262172 AEL262172:AEO262172 AOH262172:AOK262172 AYD262172:AYG262172 BHZ262172:BIC262172 BRV262172:BRY262172 CBR262172:CBU262172 CLN262172:CLQ262172 CVJ262172:CVM262172 DFF262172:DFI262172 DPB262172:DPE262172 DYX262172:DZA262172 EIT262172:EIW262172 ESP262172:ESS262172 FCL262172:FCO262172 FMH262172:FMK262172 FWD262172:FWG262172 GFZ262172:GGC262172 GPV262172:GPY262172 GZR262172:GZU262172 HJN262172:HJQ262172 HTJ262172:HTM262172 IDF262172:IDI262172 INB262172:INE262172 IWX262172:IXA262172 JGT262172:JGW262172 JQP262172:JQS262172 KAL262172:KAO262172 KKH262172:KKK262172 KUD262172:KUG262172 LDZ262172:LEC262172 LNV262172:LNY262172 LXR262172:LXU262172 MHN262172:MHQ262172 MRJ262172:MRM262172 NBF262172:NBI262172 NLB262172:NLE262172 NUX262172:NVA262172 OET262172:OEW262172 OOP262172:OOS262172 OYL262172:OYO262172 PIH262172:PIK262172 PSD262172:PSG262172 QBZ262172:QCC262172 QLV262172:QLY262172 QVR262172:QVU262172 RFN262172:RFQ262172 RPJ262172:RPM262172 RZF262172:RZI262172 SJB262172:SJE262172 SSX262172:STA262172 TCT262172:TCW262172 TMP262172:TMS262172 TWL262172:TWO262172 UGH262172:UGK262172 UQD262172:UQG262172 UZZ262172:VAC262172 VJV262172:VJY262172 VTR262172:VTU262172 WDN262172:WDQ262172 WNJ262172:WNM262172 WXF262172:WXI262172 AX327708:BA327708 KT327708:KW327708 UP327708:US327708 AEL327708:AEO327708 AOH327708:AOK327708 AYD327708:AYG327708 BHZ327708:BIC327708 BRV327708:BRY327708 CBR327708:CBU327708 CLN327708:CLQ327708 CVJ327708:CVM327708 DFF327708:DFI327708 DPB327708:DPE327708 DYX327708:DZA327708 EIT327708:EIW327708 ESP327708:ESS327708 FCL327708:FCO327708 FMH327708:FMK327708 FWD327708:FWG327708 GFZ327708:GGC327708 GPV327708:GPY327708 GZR327708:GZU327708 HJN327708:HJQ327708 HTJ327708:HTM327708 IDF327708:IDI327708 INB327708:INE327708 IWX327708:IXA327708 JGT327708:JGW327708 JQP327708:JQS327708 KAL327708:KAO327708 KKH327708:KKK327708 KUD327708:KUG327708 LDZ327708:LEC327708 LNV327708:LNY327708 LXR327708:LXU327708 MHN327708:MHQ327708 MRJ327708:MRM327708 NBF327708:NBI327708 NLB327708:NLE327708 NUX327708:NVA327708 OET327708:OEW327708 OOP327708:OOS327708 OYL327708:OYO327708 PIH327708:PIK327708 PSD327708:PSG327708 QBZ327708:QCC327708 QLV327708:QLY327708 QVR327708:QVU327708 RFN327708:RFQ327708 RPJ327708:RPM327708 RZF327708:RZI327708 SJB327708:SJE327708 SSX327708:STA327708 TCT327708:TCW327708 TMP327708:TMS327708 TWL327708:TWO327708 UGH327708:UGK327708 UQD327708:UQG327708 UZZ327708:VAC327708 VJV327708:VJY327708 VTR327708:VTU327708 WDN327708:WDQ327708 WNJ327708:WNM327708 WXF327708:WXI327708 AX393244:BA393244 KT393244:KW393244 UP393244:US393244 AEL393244:AEO393244 AOH393244:AOK393244 AYD393244:AYG393244 BHZ393244:BIC393244 BRV393244:BRY393244 CBR393244:CBU393244 CLN393244:CLQ393244 CVJ393244:CVM393244 DFF393244:DFI393244 DPB393244:DPE393244 DYX393244:DZA393244 EIT393244:EIW393244 ESP393244:ESS393244 FCL393244:FCO393244 FMH393244:FMK393244 FWD393244:FWG393244 GFZ393244:GGC393244 GPV393244:GPY393244 GZR393244:GZU393244 HJN393244:HJQ393244 HTJ393244:HTM393244 IDF393244:IDI393244 INB393244:INE393244 IWX393244:IXA393244 JGT393244:JGW393244 JQP393244:JQS393244 KAL393244:KAO393244 KKH393244:KKK393244 KUD393244:KUG393244 LDZ393244:LEC393244 LNV393244:LNY393244 LXR393244:LXU393244 MHN393244:MHQ393244 MRJ393244:MRM393244 NBF393244:NBI393244 NLB393244:NLE393244 NUX393244:NVA393244 OET393244:OEW393244 OOP393244:OOS393244 OYL393244:OYO393244 PIH393244:PIK393244 PSD393244:PSG393244 QBZ393244:QCC393244 QLV393244:QLY393244 QVR393244:QVU393244 RFN393244:RFQ393244 RPJ393244:RPM393244 RZF393244:RZI393244 SJB393244:SJE393244 SSX393244:STA393244 TCT393244:TCW393244 TMP393244:TMS393244 TWL393244:TWO393244 UGH393244:UGK393244 UQD393244:UQG393244 UZZ393244:VAC393244 VJV393244:VJY393244 VTR393244:VTU393244 WDN393244:WDQ393244 WNJ393244:WNM393244 WXF393244:WXI393244 AX458780:BA458780 KT458780:KW458780 UP458780:US458780 AEL458780:AEO458780 AOH458780:AOK458780 AYD458780:AYG458780 BHZ458780:BIC458780 BRV458780:BRY458780 CBR458780:CBU458780 CLN458780:CLQ458780 CVJ458780:CVM458780 DFF458780:DFI458780 DPB458780:DPE458780 DYX458780:DZA458780 EIT458780:EIW458780 ESP458780:ESS458780 FCL458780:FCO458780 FMH458780:FMK458780 FWD458780:FWG458780 GFZ458780:GGC458780 GPV458780:GPY458780 GZR458780:GZU458780 HJN458780:HJQ458780 HTJ458780:HTM458780 IDF458780:IDI458780 INB458780:INE458780 IWX458780:IXA458780 JGT458780:JGW458780 JQP458780:JQS458780 KAL458780:KAO458780 KKH458780:KKK458780 KUD458780:KUG458780 LDZ458780:LEC458780 LNV458780:LNY458780 LXR458780:LXU458780 MHN458780:MHQ458780 MRJ458780:MRM458780 NBF458780:NBI458780 NLB458780:NLE458780 NUX458780:NVA458780 OET458780:OEW458780 OOP458780:OOS458780 OYL458780:OYO458780 PIH458780:PIK458780 PSD458780:PSG458780 QBZ458780:QCC458780 QLV458780:QLY458780 QVR458780:QVU458780 RFN458780:RFQ458780 RPJ458780:RPM458780 RZF458780:RZI458780 SJB458780:SJE458780 SSX458780:STA458780 TCT458780:TCW458780 TMP458780:TMS458780 TWL458780:TWO458780 UGH458780:UGK458780 UQD458780:UQG458780 UZZ458780:VAC458780 VJV458780:VJY458780 VTR458780:VTU458780 WDN458780:WDQ458780 WNJ458780:WNM458780 WXF458780:WXI458780 AX524316:BA524316 KT524316:KW524316 UP524316:US524316 AEL524316:AEO524316 AOH524316:AOK524316 AYD524316:AYG524316 BHZ524316:BIC524316 BRV524316:BRY524316 CBR524316:CBU524316 CLN524316:CLQ524316 CVJ524316:CVM524316 DFF524316:DFI524316 DPB524316:DPE524316 DYX524316:DZA524316 EIT524316:EIW524316 ESP524316:ESS524316 FCL524316:FCO524316 FMH524316:FMK524316 FWD524316:FWG524316 GFZ524316:GGC524316 GPV524316:GPY524316 GZR524316:GZU524316 HJN524316:HJQ524316 HTJ524316:HTM524316 IDF524316:IDI524316 INB524316:INE524316 IWX524316:IXA524316 JGT524316:JGW524316 JQP524316:JQS524316 KAL524316:KAO524316 KKH524316:KKK524316 KUD524316:KUG524316 LDZ524316:LEC524316 LNV524316:LNY524316 LXR524316:LXU524316 MHN524316:MHQ524316 MRJ524316:MRM524316 NBF524316:NBI524316 NLB524316:NLE524316 NUX524316:NVA524316 OET524316:OEW524316 OOP524316:OOS524316 OYL524316:OYO524316 PIH524316:PIK524316 PSD524316:PSG524316 QBZ524316:QCC524316 QLV524316:QLY524316 QVR524316:QVU524316 RFN524316:RFQ524316 RPJ524316:RPM524316 RZF524316:RZI524316 SJB524316:SJE524316 SSX524316:STA524316 TCT524316:TCW524316 TMP524316:TMS524316 TWL524316:TWO524316 UGH524316:UGK524316 UQD524316:UQG524316 UZZ524316:VAC524316 VJV524316:VJY524316 VTR524316:VTU524316 WDN524316:WDQ524316 WNJ524316:WNM524316 WXF524316:WXI524316 AX589852:BA589852 KT589852:KW589852 UP589852:US589852 AEL589852:AEO589852 AOH589852:AOK589852 AYD589852:AYG589852 BHZ589852:BIC589852 BRV589852:BRY589852 CBR589852:CBU589852 CLN589852:CLQ589852 CVJ589852:CVM589852 DFF589852:DFI589852 DPB589852:DPE589852 DYX589852:DZA589852 EIT589852:EIW589852 ESP589852:ESS589852 FCL589852:FCO589852 FMH589852:FMK589852 FWD589852:FWG589852 GFZ589852:GGC589852 GPV589852:GPY589852 GZR589852:GZU589852 HJN589852:HJQ589852 HTJ589852:HTM589852 IDF589852:IDI589852 INB589852:INE589852 IWX589852:IXA589852 JGT589852:JGW589852 JQP589852:JQS589852 KAL589852:KAO589852 KKH589852:KKK589852 KUD589852:KUG589852 LDZ589852:LEC589852 LNV589852:LNY589852 LXR589852:LXU589852 MHN589852:MHQ589852 MRJ589852:MRM589852 NBF589852:NBI589852 NLB589852:NLE589852 NUX589852:NVA589852 OET589852:OEW589852 OOP589852:OOS589852 OYL589852:OYO589852 PIH589852:PIK589852 PSD589852:PSG589852 QBZ589852:QCC589852 QLV589852:QLY589852 QVR589852:QVU589852 RFN589852:RFQ589852 RPJ589852:RPM589852 RZF589852:RZI589852 SJB589852:SJE589852 SSX589852:STA589852 TCT589852:TCW589852 TMP589852:TMS589852 TWL589852:TWO589852 UGH589852:UGK589852 UQD589852:UQG589852 UZZ589852:VAC589852 VJV589852:VJY589852 VTR589852:VTU589852 WDN589852:WDQ589852 WNJ589852:WNM589852 WXF589852:WXI589852 AX655388:BA655388 KT655388:KW655388 UP655388:US655388 AEL655388:AEO655388 AOH655388:AOK655388 AYD655388:AYG655388 BHZ655388:BIC655388 BRV655388:BRY655388 CBR655388:CBU655388 CLN655388:CLQ655388 CVJ655388:CVM655388 DFF655388:DFI655388 DPB655388:DPE655388 DYX655388:DZA655388 EIT655388:EIW655388 ESP655388:ESS655388 FCL655388:FCO655388 FMH655388:FMK655388 FWD655388:FWG655388 GFZ655388:GGC655388 GPV655388:GPY655388 GZR655388:GZU655388 HJN655388:HJQ655388 HTJ655388:HTM655388 IDF655388:IDI655388 INB655388:INE655388 IWX655388:IXA655388 JGT655388:JGW655388 JQP655388:JQS655388 KAL655388:KAO655388 KKH655388:KKK655388 KUD655388:KUG655388 LDZ655388:LEC655388 LNV655388:LNY655388 LXR655388:LXU655388 MHN655388:MHQ655388 MRJ655388:MRM655388 NBF655388:NBI655388 NLB655388:NLE655388 NUX655388:NVA655388 OET655388:OEW655388 OOP655388:OOS655388 OYL655388:OYO655388 PIH655388:PIK655388 PSD655388:PSG655388 QBZ655388:QCC655388 QLV655388:QLY655388 QVR655388:QVU655388 RFN655388:RFQ655388 RPJ655388:RPM655388 RZF655388:RZI655388 SJB655388:SJE655388 SSX655388:STA655388 TCT655388:TCW655388 TMP655388:TMS655388 TWL655388:TWO655388 UGH655388:UGK655388 UQD655388:UQG655388 UZZ655388:VAC655388 VJV655388:VJY655388 VTR655388:VTU655388 WDN655388:WDQ655388 WNJ655388:WNM655388 WXF655388:WXI655388 AX720924:BA720924 KT720924:KW720924 UP720924:US720924 AEL720924:AEO720924 AOH720924:AOK720924 AYD720924:AYG720924 BHZ720924:BIC720924 BRV720924:BRY720924 CBR720924:CBU720924 CLN720924:CLQ720924 CVJ720924:CVM720924 DFF720924:DFI720924 DPB720924:DPE720924 DYX720924:DZA720924 EIT720924:EIW720924 ESP720924:ESS720924 FCL720924:FCO720924 FMH720924:FMK720924 FWD720924:FWG720924 GFZ720924:GGC720924 GPV720924:GPY720924 GZR720924:GZU720924 HJN720924:HJQ720924 HTJ720924:HTM720924 IDF720924:IDI720924 INB720924:INE720924 IWX720924:IXA720924 JGT720924:JGW720924 JQP720924:JQS720924 KAL720924:KAO720924 KKH720924:KKK720924 KUD720924:KUG720924 LDZ720924:LEC720924 LNV720924:LNY720924 LXR720924:LXU720924 MHN720924:MHQ720924 MRJ720924:MRM720924 NBF720924:NBI720924 NLB720924:NLE720924 NUX720924:NVA720924 OET720924:OEW720924 OOP720924:OOS720924 OYL720924:OYO720924 PIH720924:PIK720924 PSD720924:PSG720924 QBZ720924:QCC720924 QLV720924:QLY720924 QVR720924:QVU720924 RFN720924:RFQ720924 RPJ720924:RPM720924 RZF720924:RZI720924 SJB720924:SJE720924 SSX720924:STA720924 TCT720924:TCW720924 TMP720924:TMS720924 TWL720924:TWO720924 UGH720924:UGK720924 UQD720924:UQG720924 UZZ720924:VAC720924 VJV720924:VJY720924 VTR720924:VTU720924 WDN720924:WDQ720924 WNJ720924:WNM720924 WXF720924:WXI720924 AX786460:BA786460 KT786460:KW786460 UP786460:US786460 AEL786460:AEO786460 AOH786460:AOK786460 AYD786460:AYG786460 BHZ786460:BIC786460 BRV786460:BRY786460 CBR786460:CBU786460 CLN786460:CLQ786460 CVJ786460:CVM786460 DFF786460:DFI786460 DPB786460:DPE786460 DYX786460:DZA786460 EIT786460:EIW786460 ESP786460:ESS786460 FCL786460:FCO786460 FMH786460:FMK786460 FWD786460:FWG786460 GFZ786460:GGC786460 GPV786460:GPY786460 GZR786460:GZU786460 HJN786460:HJQ786460 HTJ786460:HTM786460 IDF786460:IDI786460 INB786460:INE786460 IWX786460:IXA786460 JGT786460:JGW786460 JQP786460:JQS786460 KAL786460:KAO786460 KKH786460:KKK786460 KUD786460:KUG786460 LDZ786460:LEC786460 LNV786460:LNY786460 LXR786460:LXU786460 MHN786460:MHQ786460 MRJ786460:MRM786460 NBF786460:NBI786460 NLB786460:NLE786460 NUX786460:NVA786460 OET786460:OEW786460 OOP786460:OOS786460 OYL786460:OYO786460 PIH786460:PIK786460 PSD786460:PSG786460 QBZ786460:QCC786460 QLV786460:QLY786460 QVR786460:QVU786460 RFN786460:RFQ786460 RPJ786460:RPM786460 RZF786460:RZI786460 SJB786460:SJE786460 SSX786460:STA786460 TCT786460:TCW786460 TMP786460:TMS786460 TWL786460:TWO786460 UGH786460:UGK786460 UQD786460:UQG786460 UZZ786460:VAC786460 VJV786460:VJY786460 VTR786460:VTU786460 WDN786460:WDQ786460 WNJ786460:WNM786460 WXF786460:WXI786460 AX851996:BA851996 KT851996:KW851996 UP851996:US851996 AEL851996:AEO851996 AOH851996:AOK851996 AYD851996:AYG851996 BHZ851996:BIC851996 BRV851996:BRY851996 CBR851996:CBU851996 CLN851996:CLQ851996 CVJ851996:CVM851996 DFF851996:DFI851996 DPB851996:DPE851996 DYX851996:DZA851996 EIT851996:EIW851996 ESP851996:ESS851996 FCL851996:FCO851996 FMH851996:FMK851996 FWD851996:FWG851996 GFZ851996:GGC851996 GPV851996:GPY851996 GZR851996:GZU851996 HJN851996:HJQ851996 HTJ851996:HTM851996 IDF851996:IDI851996 INB851996:INE851996 IWX851996:IXA851996 JGT851996:JGW851996 JQP851996:JQS851996 KAL851996:KAO851996 KKH851996:KKK851996 KUD851996:KUG851996 LDZ851996:LEC851996 LNV851996:LNY851996 LXR851996:LXU851996 MHN851996:MHQ851996 MRJ851996:MRM851996 NBF851996:NBI851996 NLB851996:NLE851996 NUX851996:NVA851996 OET851996:OEW851996 OOP851996:OOS851996 OYL851996:OYO851996 PIH851996:PIK851996 PSD851996:PSG851996 QBZ851996:QCC851996 QLV851996:QLY851996 QVR851996:QVU851996 RFN851996:RFQ851996 RPJ851996:RPM851996 RZF851996:RZI851996 SJB851996:SJE851996 SSX851996:STA851996 TCT851996:TCW851996 TMP851996:TMS851996 TWL851996:TWO851996 UGH851996:UGK851996 UQD851996:UQG851996 UZZ851996:VAC851996 VJV851996:VJY851996 VTR851996:VTU851996 WDN851996:WDQ851996 WNJ851996:WNM851996 WXF851996:WXI851996 AX917532:BA917532 KT917532:KW917532 UP917532:US917532 AEL917532:AEO917532 AOH917532:AOK917532 AYD917532:AYG917532 BHZ917532:BIC917532 BRV917532:BRY917532 CBR917532:CBU917532 CLN917532:CLQ917532 CVJ917532:CVM917532 DFF917532:DFI917532 DPB917532:DPE917532 DYX917532:DZA917532 EIT917532:EIW917532 ESP917532:ESS917532 FCL917532:FCO917532 FMH917532:FMK917532 FWD917532:FWG917532 GFZ917532:GGC917532 GPV917532:GPY917532 GZR917532:GZU917532 HJN917532:HJQ917532 HTJ917532:HTM917532 IDF917532:IDI917532 INB917532:INE917532 IWX917532:IXA917532 JGT917532:JGW917532 JQP917532:JQS917532 KAL917532:KAO917532 KKH917532:KKK917532 KUD917532:KUG917532 LDZ917532:LEC917532 LNV917532:LNY917532 LXR917532:LXU917532 MHN917532:MHQ917532 MRJ917532:MRM917532 NBF917532:NBI917532 NLB917532:NLE917532 NUX917532:NVA917532 OET917532:OEW917532 OOP917532:OOS917532 OYL917532:OYO917532 PIH917532:PIK917532 PSD917532:PSG917532 QBZ917532:QCC917532 QLV917532:QLY917532 QVR917532:QVU917532 RFN917532:RFQ917532 RPJ917532:RPM917532 RZF917532:RZI917532 SJB917532:SJE917532 SSX917532:STA917532 TCT917532:TCW917532 TMP917532:TMS917532 TWL917532:TWO917532 UGH917532:UGK917532 UQD917532:UQG917532 UZZ917532:VAC917532 VJV917532:VJY917532 VTR917532:VTU917532 WDN917532:WDQ917532 WNJ917532:WNM917532 WXF917532:WXI917532 AX983068:BA983068 KT983068:KW983068 UP983068:US983068 AEL983068:AEO983068 AOH983068:AOK983068 AYD983068:AYG983068 BHZ983068:BIC983068 BRV983068:BRY983068 CBR983068:CBU983068 CLN983068:CLQ983068 CVJ983068:CVM983068 DFF983068:DFI983068 DPB983068:DPE983068 DYX983068:DZA983068 EIT983068:EIW983068 ESP983068:ESS983068 FCL983068:FCO983068 FMH983068:FMK983068 FWD983068:FWG983068 GFZ983068:GGC983068 GPV983068:GPY983068 GZR983068:GZU983068 HJN983068:HJQ983068 HTJ983068:HTM983068 IDF983068:IDI983068 INB983068:INE983068 IWX983068:IXA983068 JGT983068:JGW983068 JQP983068:JQS983068 KAL983068:KAO983068 KKH983068:KKK983068 KUD983068:KUG983068 LDZ983068:LEC983068 LNV983068:LNY983068 LXR983068:LXU983068 MHN983068:MHQ983068 MRJ983068:MRM983068 NBF983068:NBI983068 NLB983068:NLE983068 NUX983068:NVA983068 OET983068:OEW983068 OOP983068:OOS983068 OYL983068:OYO983068 PIH983068:PIK983068 PSD983068:PSG983068 QBZ983068:QCC983068 QLV983068:QLY983068 QVR983068:QVU983068 RFN983068:RFQ983068 RPJ983068:RPM983068 RZF983068:RZI983068 SJB983068:SJE983068 SSX983068:STA983068 TCT983068:TCW983068 TMP983068:TMS983068 TWL983068:TWO983068 UGH983068:UGK983068 UQD983068:UQG983068 UZZ983068:VAC983068 VJV983068:VJY983068 VTR983068:VTU983068 WDN983068:WDQ983068 WNJ983068:WNM983068 WXF983068:WXI983068 BC27:BF27 KY27:LB27 UU27:UX27 AEQ27:AET27 AOM27:AOP27 AYI27:AYL27 BIE27:BIH27 BSA27:BSD27 CBW27:CBZ27 CLS27:CLV27 CVO27:CVR27 DFK27:DFN27 DPG27:DPJ27 DZC27:DZF27 EIY27:EJB27 ESU27:ESX27 FCQ27:FCT27 FMM27:FMP27 FWI27:FWL27 GGE27:GGH27 GQA27:GQD27 GZW27:GZZ27 HJS27:HJV27 HTO27:HTR27 IDK27:IDN27 ING27:INJ27 IXC27:IXF27 JGY27:JHB27 JQU27:JQX27 KAQ27:KAT27 KKM27:KKP27 KUI27:KUL27 LEE27:LEH27 LOA27:LOD27 LXW27:LXZ27 MHS27:MHV27 MRO27:MRR27 NBK27:NBN27 NLG27:NLJ27 NVC27:NVF27 OEY27:OFB27 OOU27:OOX27 OYQ27:OYT27 PIM27:PIP27 PSI27:PSL27 QCE27:QCH27 QMA27:QMD27 QVW27:QVZ27 RFS27:RFV27 RPO27:RPR27 RZK27:RZN27 SJG27:SJJ27 STC27:STF27 TCY27:TDB27 TMU27:TMX27 TWQ27:TWT27 UGM27:UGP27 UQI27:UQL27 VAE27:VAH27 VKA27:VKD27 VTW27:VTZ27 WDS27:WDV27 WNO27:WNR27 WXK27:WXN27 BC65564:BF65564 KY65564:LB65564 UU65564:UX65564 AEQ65564:AET65564 AOM65564:AOP65564 AYI65564:AYL65564 BIE65564:BIH65564 BSA65564:BSD65564 CBW65564:CBZ65564 CLS65564:CLV65564 CVO65564:CVR65564 DFK65564:DFN65564 DPG65564:DPJ65564 DZC65564:DZF65564 EIY65564:EJB65564 ESU65564:ESX65564 FCQ65564:FCT65564 FMM65564:FMP65564 FWI65564:FWL65564 GGE65564:GGH65564 GQA65564:GQD65564 GZW65564:GZZ65564 HJS65564:HJV65564 HTO65564:HTR65564 IDK65564:IDN65564 ING65564:INJ65564 IXC65564:IXF65564 JGY65564:JHB65564 JQU65564:JQX65564 KAQ65564:KAT65564 KKM65564:KKP65564 KUI65564:KUL65564 LEE65564:LEH65564 LOA65564:LOD65564 LXW65564:LXZ65564 MHS65564:MHV65564 MRO65564:MRR65564 NBK65564:NBN65564 NLG65564:NLJ65564 NVC65564:NVF65564 OEY65564:OFB65564 OOU65564:OOX65564 OYQ65564:OYT65564 PIM65564:PIP65564 PSI65564:PSL65564 QCE65564:QCH65564 QMA65564:QMD65564 QVW65564:QVZ65564 RFS65564:RFV65564 RPO65564:RPR65564 RZK65564:RZN65564 SJG65564:SJJ65564 STC65564:STF65564 TCY65564:TDB65564 TMU65564:TMX65564 TWQ65564:TWT65564 UGM65564:UGP65564 UQI65564:UQL65564 VAE65564:VAH65564 VKA65564:VKD65564 VTW65564:VTZ65564 WDS65564:WDV65564 WNO65564:WNR65564 WXK65564:WXN65564 BC131100:BF131100 KY131100:LB131100 UU131100:UX131100 AEQ131100:AET131100 AOM131100:AOP131100 AYI131100:AYL131100 BIE131100:BIH131100 BSA131100:BSD131100 CBW131100:CBZ131100 CLS131100:CLV131100 CVO131100:CVR131100 DFK131100:DFN131100 DPG131100:DPJ131100 DZC131100:DZF131100 EIY131100:EJB131100 ESU131100:ESX131100 FCQ131100:FCT131100 FMM131100:FMP131100 FWI131100:FWL131100 GGE131100:GGH131100 GQA131100:GQD131100 GZW131100:GZZ131100 HJS131100:HJV131100 HTO131100:HTR131100 IDK131100:IDN131100 ING131100:INJ131100 IXC131100:IXF131100 JGY131100:JHB131100 JQU131100:JQX131100 KAQ131100:KAT131100 KKM131100:KKP131100 KUI131100:KUL131100 LEE131100:LEH131100 LOA131100:LOD131100 LXW131100:LXZ131100 MHS131100:MHV131100 MRO131100:MRR131100 NBK131100:NBN131100 NLG131100:NLJ131100 NVC131100:NVF131100 OEY131100:OFB131100 OOU131100:OOX131100 OYQ131100:OYT131100 PIM131100:PIP131100 PSI131100:PSL131100 QCE131100:QCH131100 QMA131100:QMD131100 QVW131100:QVZ131100 RFS131100:RFV131100 RPO131100:RPR131100 RZK131100:RZN131100 SJG131100:SJJ131100 STC131100:STF131100 TCY131100:TDB131100 TMU131100:TMX131100 TWQ131100:TWT131100 UGM131100:UGP131100 UQI131100:UQL131100 VAE131100:VAH131100 VKA131100:VKD131100 VTW131100:VTZ131100 WDS131100:WDV131100 WNO131100:WNR131100 WXK131100:WXN131100 BC196636:BF196636 KY196636:LB196636 UU196636:UX196636 AEQ196636:AET196636 AOM196636:AOP196636 AYI196636:AYL196636 BIE196636:BIH196636 BSA196636:BSD196636 CBW196636:CBZ196636 CLS196636:CLV196636 CVO196636:CVR196636 DFK196636:DFN196636 DPG196636:DPJ196636 DZC196636:DZF196636 EIY196636:EJB196636 ESU196636:ESX196636 FCQ196636:FCT196636 FMM196636:FMP196636 FWI196636:FWL196636 GGE196636:GGH196636 GQA196636:GQD196636 GZW196636:GZZ196636 HJS196636:HJV196636 HTO196636:HTR196636 IDK196636:IDN196636 ING196636:INJ196636 IXC196636:IXF196636 JGY196636:JHB196636 JQU196636:JQX196636 KAQ196636:KAT196636 KKM196636:KKP196636 KUI196636:KUL196636 LEE196636:LEH196636 LOA196636:LOD196636 LXW196636:LXZ196636 MHS196636:MHV196636 MRO196636:MRR196636 NBK196636:NBN196636 NLG196636:NLJ196636 NVC196636:NVF196636 OEY196636:OFB196636 OOU196636:OOX196636 OYQ196636:OYT196636 PIM196636:PIP196636 PSI196636:PSL196636 QCE196636:QCH196636 QMA196636:QMD196636 QVW196636:QVZ196636 RFS196636:RFV196636 RPO196636:RPR196636 RZK196636:RZN196636 SJG196636:SJJ196636 STC196636:STF196636 TCY196636:TDB196636 TMU196636:TMX196636 TWQ196636:TWT196636 UGM196636:UGP196636 UQI196636:UQL196636 VAE196636:VAH196636 VKA196636:VKD196636 VTW196636:VTZ196636 WDS196636:WDV196636 WNO196636:WNR196636 WXK196636:WXN196636 BC262172:BF262172 KY262172:LB262172 UU262172:UX262172 AEQ262172:AET262172 AOM262172:AOP262172 AYI262172:AYL262172 BIE262172:BIH262172 BSA262172:BSD262172 CBW262172:CBZ262172 CLS262172:CLV262172 CVO262172:CVR262172 DFK262172:DFN262172 DPG262172:DPJ262172 DZC262172:DZF262172 EIY262172:EJB262172 ESU262172:ESX262172 FCQ262172:FCT262172 FMM262172:FMP262172 FWI262172:FWL262172 GGE262172:GGH262172 GQA262172:GQD262172 GZW262172:GZZ262172 HJS262172:HJV262172 HTO262172:HTR262172 IDK262172:IDN262172 ING262172:INJ262172 IXC262172:IXF262172 JGY262172:JHB262172 JQU262172:JQX262172 KAQ262172:KAT262172 KKM262172:KKP262172 KUI262172:KUL262172 LEE262172:LEH262172 LOA262172:LOD262172 LXW262172:LXZ262172 MHS262172:MHV262172 MRO262172:MRR262172 NBK262172:NBN262172 NLG262172:NLJ262172 NVC262172:NVF262172 OEY262172:OFB262172 OOU262172:OOX262172 OYQ262172:OYT262172 PIM262172:PIP262172 PSI262172:PSL262172 QCE262172:QCH262172 QMA262172:QMD262172 QVW262172:QVZ262172 RFS262172:RFV262172 RPO262172:RPR262172 RZK262172:RZN262172 SJG262172:SJJ262172 STC262172:STF262172 TCY262172:TDB262172 TMU262172:TMX262172 TWQ262172:TWT262172 UGM262172:UGP262172 UQI262172:UQL262172 VAE262172:VAH262172 VKA262172:VKD262172 VTW262172:VTZ262172 WDS262172:WDV262172 WNO262172:WNR262172 WXK262172:WXN262172 BC327708:BF327708 KY327708:LB327708 UU327708:UX327708 AEQ327708:AET327708 AOM327708:AOP327708 AYI327708:AYL327708 BIE327708:BIH327708 BSA327708:BSD327708 CBW327708:CBZ327708 CLS327708:CLV327708 CVO327708:CVR327708 DFK327708:DFN327708 DPG327708:DPJ327708 DZC327708:DZF327708 EIY327708:EJB327708 ESU327708:ESX327708 FCQ327708:FCT327708 FMM327708:FMP327708 FWI327708:FWL327708 GGE327708:GGH327708 GQA327708:GQD327708 GZW327708:GZZ327708 HJS327708:HJV327708 HTO327708:HTR327708 IDK327708:IDN327708 ING327708:INJ327708 IXC327708:IXF327708 JGY327708:JHB327708 JQU327708:JQX327708 KAQ327708:KAT327708 KKM327708:KKP327708 KUI327708:KUL327708 LEE327708:LEH327708 LOA327708:LOD327708 LXW327708:LXZ327708 MHS327708:MHV327708 MRO327708:MRR327708 NBK327708:NBN327708 NLG327708:NLJ327708 NVC327708:NVF327708 OEY327708:OFB327708 OOU327708:OOX327708 OYQ327708:OYT327708 PIM327708:PIP327708 PSI327708:PSL327708 QCE327708:QCH327708 QMA327708:QMD327708 QVW327708:QVZ327708 RFS327708:RFV327708 RPO327708:RPR327708 RZK327708:RZN327708 SJG327708:SJJ327708 STC327708:STF327708 TCY327708:TDB327708 TMU327708:TMX327708 TWQ327708:TWT327708 UGM327708:UGP327708 UQI327708:UQL327708 VAE327708:VAH327708 VKA327708:VKD327708 VTW327708:VTZ327708 WDS327708:WDV327708 WNO327708:WNR327708 WXK327708:WXN327708 BC393244:BF393244 KY393244:LB393244 UU393244:UX393244 AEQ393244:AET393244 AOM393244:AOP393244 AYI393244:AYL393244 BIE393244:BIH393244 BSA393244:BSD393244 CBW393244:CBZ393244 CLS393244:CLV393244 CVO393244:CVR393244 DFK393244:DFN393244 DPG393244:DPJ393244 DZC393244:DZF393244 EIY393244:EJB393244 ESU393244:ESX393244 FCQ393244:FCT393244 FMM393244:FMP393244 FWI393244:FWL393244 GGE393244:GGH393244 GQA393244:GQD393244 GZW393244:GZZ393244 HJS393244:HJV393244 HTO393244:HTR393244 IDK393244:IDN393244 ING393244:INJ393244 IXC393244:IXF393244 JGY393244:JHB393244 JQU393244:JQX393244 KAQ393244:KAT393244 KKM393244:KKP393244 KUI393244:KUL393244 LEE393244:LEH393244 LOA393244:LOD393244 LXW393244:LXZ393244 MHS393244:MHV393244 MRO393244:MRR393244 NBK393244:NBN393244 NLG393244:NLJ393244 NVC393244:NVF393244 OEY393244:OFB393244 OOU393244:OOX393244 OYQ393244:OYT393244 PIM393244:PIP393244 PSI393244:PSL393244 QCE393244:QCH393244 QMA393244:QMD393244 QVW393244:QVZ393244 RFS393244:RFV393244 RPO393244:RPR393244 RZK393244:RZN393244 SJG393244:SJJ393244 STC393244:STF393244 TCY393244:TDB393244 TMU393244:TMX393244 TWQ393244:TWT393244 UGM393244:UGP393244 UQI393244:UQL393244 VAE393244:VAH393244 VKA393244:VKD393244 VTW393244:VTZ393244 WDS393244:WDV393244 WNO393244:WNR393244 WXK393244:WXN393244 BC458780:BF458780 KY458780:LB458780 UU458780:UX458780 AEQ458780:AET458780 AOM458780:AOP458780 AYI458780:AYL458780 BIE458780:BIH458780 BSA458780:BSD458780 CBW458780:CBZ458780 CLS458780:CLV458780 CVO458780:CVR458780 DFK458780:DFN458780 DPG458780:DPJ458780 DZC458780:DZF458780 EIY458780:EJB458780 ESU458780:ESX458780 FCQ458780:FCT458780 FMM458780:FMP458780 FWI458780:FWL458780 GGE458780:GGH458780 GQA458780:GQD458780 GZW458780:GZZ458780 HJS458780:HJV458780 HTO458780:HTR458780 IDK458780:IDN458780 ING458780:INJ458780 IXC458780:IXF458780 JGY458780:JHB458780 JQU458780:JQX458780 KAQ458780:KAT458780 KKM458780:KKP458780 KUI458780:KUL458780 LEE458780:LEH458780 LOA458780:LOD458780 LXW458780:LXZ458780 MHS458780:MHV458780 MRO458780:MRR458780 NBK458780:NBN458780 NLG458780:NLJ458780 NVC458780:NVF458780 OEY458780:OFB458780 OOU458780:OOX458780 OYQ458780:OYT458780 PIM458780:PIP458780 PSI458780:PSL458780 QCE458780:QCH458780 QMA458780:QMD458780 QVW458780:QVZ458780 RFS458780:RFV458780 RPO458780:RPR458780 RZK458780:RZN458780 SJG458780:SJJ458780 STC458780:STF458780 TCY458780:TDB458780 TMU458780:TMX458780 TWQ458780:TWT458780 UGM458780:UGP458780 UQI458780:UQL458780 VAE458780:VAH458780 VKA458780:VKD458780 VTW458780:VTZ458780 WDS458780:WDV458780 WNO458780:WNR458780 WXK458780:WXN458780 BC524316:BF524316 KY524316:LB524316 UU524316:UX524316 AEQ524316:AET524316 AOM524316:AOP524316 AYI524316:AYL524316 BIE524316:BIH524316 BSA524316:BSD524316 CBW524316:CBZ524316 CLS524316:CLV524316 CVO524316:CVR524316 DFK524316:DFN524316 DPG524316:DPJ524316 DZC524316:DZF524316 EIY524316:EJB524316 ESU524316:ESX524316 FCQ524316:FCT524316 FMM524316:FMP524316 FWI524316:FWL524316 GGE524316:GGH524316 GQA524316:GQD524316 GZW524316:GZZ524316 HJS524316:HJV524316 HTO524316:HTR524316 IDK524316:IDN524316 ING524316:INJ524316 IXC524316:IXF524316 JGY524316:JHB524316 JQU524316:JQX524316 KAQ524316:KAT524316 KKM524316:KKP524316 KUI524316:KUL524316 LEE524316:LEH524316 LOA524316:LOD524316 LXW524316:LXZ524316 MHS524316:MHV524316 MRO524316:MRR524316 NBK524316:NBN524316 NLG524316:NLJ524316 NVC524316:NVF524316 OEY524316:OFB524316 OOU524316:OOX524316 OYQ524316:OYT524316 PIM524316:PIP524316 PSI524316:PSL524316 QCE524316:QCH524316 QMA524316:QMD524316 QVW524316:QVZ524316 RFS524316:RFV524316 RPO524316:RPR524316 RZK524316:RZN524316 SJG524316:SJJ524316 STC524316:STF524316 TCY524316:TDB524316 TMU524316:TMX524316 TWQ524316:TWT524316 UGM524316:UGP524316 UQI524316:UQL524316 VAE524316:VAH524316 VKA524316:VKD524316 VTW524316:VTZ524316 WDS524316:WDV524316 WNO524316:WNR524316 WXK524316:WXN524316 BC589852:BF589852 KY589852:LB589852 UU589852:UX589852 AEQ589852:AET589852 AOM589852:AOP589852 AYI589852:AYL589852 BIE589852:BIH589852 BSA589852:BSD589852 CBW589852:CBZ589852 CLS589852:CLV589852 CVO589852:CVR589852 DFK589852:DFN589852 DPG589852:DPJ589852 DZC589852:DZF589852 EIY589852:EJB589852 ESU589852:ESX589852 FCQ589852:FCT589852 FMM589852:FMP589852 FWI589852:FWL589852 GGE589852:GGH589852 GQA589852:GQD589852 GZW589852:GZZ589852 HJS589852:HJV589852 HTO589852:HTR589852 IDK589852:IDN589852 ING589852:INJ589852 IXC589852:IXF589852 JGY589852:JHB589852 JQU589852:JQX589852 KAQ589852:KAT589852 KKM589852:KKP589852 KUI589852:KUL589852 LEE589852:LEH589852 LOA589852:LOD589852 LXW589852:LXZ589852 MHS589852:MHV589852 MRO589852:MRR589852 NBK589852:NBN589852 NLG589852:NLJ589852 NVC589852:NVF589852 OEY589852:OFB589852 OOU589852:OOX589852 OYQ589852:OYT589852 PIM589852:PIP589852 PSI589852:PSL589852 QCE589852:QCH589852 QMA589852:QMD589852 QVW589852:QVZ589852 RFS589852:RFV589852 RPO589852:RPR589852 RZK589852:RZN589852 SJG589852:SJJ589852 STC589852:STF589852 TCY589852:TDB589852 TMU589852:TMX589852 TWQ589852:TWT589852 UGM589852:UGP589852 UQI589852:UQL589852 VAE589852:VAH589852 VKA589852:VKD589852 VTW589852:VTZ589852 WDS589852:WDV589852 WNO589852:WNR589852 WXK589852:WXN589852 BC655388:BF655388 KY655388:LB655388 UU655388:UX655388 AEQ655388:AET655388 AOM655388:AOP655388 AYI655388:AYL655388 BIE655388:BIH655388 BSA655388:BSD655388 CBW655388:CBZ655388 CLS655388:CLV655388 CVO655388:CVR655388 DFK655388:DFN655388 DPG655388:DPJ655388 DZC655388:DZF655388 EIY655388:EJB655388 ESU655388:ESX655388 FCQ655388:FCT655388 FMM655388:FMP655388 FWI655388:FWL655388 GGE655388:GGH655388 GQA655388:GQD655388 GZW655388:GZZ655388 HJS655388:HJV655388 HTO655388:HTR655388 IDK655388:IDN655388 ING655388:INJ655388 IXC655388:IXF655388 JGY655388:JHB655388 JQU655388:JQX655388 KAQ655388:KAT655388 KKM655388:KKP655388 KUI655388:KUL655388 LEE655388:LEH655388 LOA655388:LOD655388 LXW655388:LXZ655388 MHS655388:MHV655388 MRO655388:MRR655388 NBK655388:NBN655388 NLG655388:NLJ655388 NVC655388:NVF655388 OEY655388:OFB655388 OOU655388:OOX655388 OYQ655388:OYT655388 PIM655388:PIP655388 PSI655388:PSL655388 QCE655388:QCH655388 QMA655388:QMD655388 QVW655388:QVZ655388 RFS655388:RFV655388 RPO655388:RPR655388 RZK655388:RZN655388 SJG655388:SJJ655388 STC655388:STF655388 TCY655388:TDB655388 TMU655388:TMX655388 TWQ655388:TWT655388 UGM655388:UGP655388 UQI655388:UQL655388 VAE655388:VAH655388 VKA655388:VKD655388 VTW655388:VTZ655388 WDS655388:WDV655388 WNO655388:WNR655388 WXK655388:WXN655388 BC720924:BF720924 KY720924:LB720924 UU720924:UX720924 AEQ720924:AET720924 AOM720924:AOP720924 AYI720924:AYL720924 BIE720924:BIH720924 BSA720924:BSD720924 CBW720924:CBZ720924 CLS720924:CLV720924 CVO720924:CVR720924 DFK720924:DFN720924 DPG720924:DPJ720924 DZC720924:DZF720924 EIY720924:EJB720924 ESU720924:ESX720924 FCQ720924:FCT720924 FMM720924:FMP720924 FWI720924:FWL720924 GGE720924:GGH720924 GQA720924:GQD720924 GZW720924:GZZ720924 HJS720924:HJV720924 HTO720924:HTR720924 IDK720924:IDN720924 ING720924:INJ720924 IXC720924:IXF720924 JGY720924:JHB720924 JQU720924:JQX720924 KAQ720924:KAT720924 KKM720924:KKP720924 KUI720924:KUL720924 LEE720924:LEH720924 LOA720924:LOD720924 LXW720924:LXZ720924 MHS720924:MHV720924 MRO720924:MRR720924 NBK720924:NBN720924 NLG720924:NLJ720924 NVC720924:NVF720924 OEY720924:OFB720924 OOU720924:OOX720924 OYQ720924:OYT720924 PIM720924:PIP720924 PSI720924:PSL720924 QCE720924:QCH720924 QMA720924:QMD720924 QVW720924:QVZ720924 RFS720924:RFV720924 RPO720924:RPR720924 RZK720924:RZN720924 SJG720924:SJJ720924 STC720924:STF720924 TCY720924:TDB720924 TMU720924:TMX720924 TWQ720924:TWT720924 UGM720924:UGP720924 UQI720924:UQL720924 VAE720924:VAH720924 VKA720924:VKD720924 VTW720924:VTZ720924 WDS720924:WDV720924 WNO720924:WNR720924 WXK720924:WXN720924 BC786460:BF786460 KY786460:LB786460 UU786460:UX786460 AEQ786460:AET786460 AOM786460:AOP786460 AYI786460:AYL786460 BIE786460:BIH786460 BSA786460:BSD786460 CBW786460:CBZ786460 CLS786460:CLV786460 CVO786460:CVR786460 DFK786460:DFN786460 DPG786460:DPJ786460 DZC786460:DZF786460 EIY786460:EJB786460 ESU786460:ESX786460 FCQ786460:FCT786460 FMM786460:FMP786460 FWI786460:FWL786460 GGE786460:GGH786460 GQA786460:GQD786460 GZW786460:GZZ786460 HJS786460:HJV786460 HTO786460:HTR786460 IDK786460:IDN786460 ING786460:INJ786460 IXC786460:IXF786460 JGY786460:JHB786460 JQU786460:JQX786460 KAQ786460:KAT786460 KKM786460:KKP786460 KUI786460:KUL786460 LEE786460:LEH786460 LOA786460:LOD786460 LXW786460:LXZ786460 MHS786460:MHV786460 MRO786460:MRR786460 NBK786460:NBN786460 NLG786460:NLJ786460 NVC786460:NVF786460 OEY786460:OFB786460 OOU786460:OOX786460 OYQ786460:OYT786460 PIM786460:PIP786460 PSI786460:PSL786460 QCE786460:QCH786460 QMA786460:QMD786460 QVW786460:QVZ786460 RFS786460:RFV786460 RPO786460:RPR786460 RZK786460:RZN786460 SJG786460:SJJ786460 STC786460:STF786460 TCY786460:TDB786460 TMU786460:TMX786460 TWQ786460:TWT786460 UGM786460:UGP786460 UQI786460:UQL786460 VAE786460:VAH786460 VKA786460:VKD786460 VTW786460:VTZ786460 WDS786460:WDV786460 WNO786460:WNR786460 WXK786460:WXN786460 BC851996:BF851996 KY851996:LB851996 UU851996:UX851996 AEQ851996:AET851996 AOM851996:AOP851996 AYI851996:AYL851996 BIE851996:BIH851996 BSA851996:BSD851996 CBW851996:CBZ851996 CLS851996:CLV851996 CVO851996:CVR851996 DFK851996:DFN851996 DPG851996:DPJ851996 DZC851996:DZF851996 EIY851996:EJB851996 ESU851996:ESX851996 FCQ851996:FCT851996 FMM851996:FMP851996 FWI851996:FWL851996 GGE851996:GGH851996 GQA851996:GQD851996 GZW851996:GZZ851996 HJS851996:HJV851996 HTO851996:HTR851996 IDK851996:IDN851996 ING851996:INJ851996 IXC851996:IXF851996 JGY851996:JHB851996 JQU851996:JQX851996 KAQ851996:KAT851996 KKM851996:KKP851996 KUI851996:KUL851996 LEE851996:LEH851996 LOA851996:LOD851996 LXW851996:LXZ851996 MHS851996:MHV851996 MRO851996:MRR851996 NBK851996:NBN851996 NLG851996:NLJ851996 NVC851996:NVF851996 OEY851996:OFB851996 OOU851996:OOX851996 OYQ851996:OYT851996 PIM851996:PIP851996 PSI851996:PSL851996 QCE851996:QCH851996 QMA851996:QMD851996 QVW851996:QVZ851996 RFS851996:RFV851996 RPO851996:RPR851996 RZK851996:RZN851996 SJG851996:SJJ851996 STC851996:STF851996 TCY851996:TDB851996 TMU851996:TMX851996 TWQ851996:TWT851996 UGM851996:UGP851996 UQI851996:UQL851996 VAE851996:VAH851996 VKA851996:VKD851996 VTW851996:VTZ851996 WDS851996:WDV851996 WNO851996:WNR851996 WXK851996:WXN851996 BC917532:BF917532 KY917532:LB917532 UU917532:UX917532 AEQ917532:AET917532 AOM917532:AOP917532 AYI917532:AYL917532 BIE917532:BIH917532 BSA917532:BSD917532 CBW917532:CBZ917532 CLS917532:CLV917532 CVO917532:CVR917532 DFK917532:DFN917532 DPG917532:DPJ917532 DZC917532:DZF917532 EIY917532:EJB917532 ESU917532:ESX917532 FCQ917532:FCT917532 FMM917532:FMP917532 FWI917532:FWL917532 GGE917532:GGH917532 GQA917532:GQD917532 GZW917532:GZZ917532 HJS917532:HJV917532 HTO917532:HTR917532 IDK917532:IDN917532 ING917532:INJ917532 IXC917532:IXF917532 JGY917532:JHB917532 JQU917532:JQX917532 KAQ917532:KAT917532 KKM917532:KKP917532 KUI917532:KUL917532 LEE917532:LEH917532 LOA917532:LOD917532 LXW917532:LXZ917532 MHS917532:MHV917532 MRO917532:MRR917532 NBK917532:NBN917532 NLG917532:NLJ917532 NVC917532:NVF917532 OEY917532:OFB917532 OOU917532:OOX917532 OYQ917532:OYT917532 PIM917532:PIP917532 PSI917532:PSL917532 QCE917532:QCH917532 QMA917532:QMD917532 QVW917532:QVZ917532 RFS917532:RFV917532 RPO917532:RPR917532 RZK917532:RZN917532 SJG917532:SJJ917532 STC917532:STF917532 TCY917532:TDB917532 TMU917532:TMX917532 TWQ917532:TWT917532 UGM917532:UGP917532 UQI917532:UQL917532 VAE917532:VAH917532 VKA917532:VKD917532 VTW917532:VTZ917532 WDS917532:WDV917532 WNO917532:WNR917532 WXK917532:WXN917532 BC983068:BF983068 KY983068:LB983068 UU983068:UX983068 AEQ983068:AET983068 AOM983068:AOP983068 AYI983068:AYL983068 BIE983068:BIH983068 BSA983068:BSD983068 CBW983068:CBZ983068 CLS983068:CLV983068 CVO983068:CVR983068 DFK983068:DFN983068 DPG983068:DPJ983068 DZC983068:DZF983068 EIY983068:EJB983068 ESU983068:ESX983068 FCQ983068:FCT983068 FMM983068:FMP983068 FWI983068:FWL983068 GGE983068:GGH983068 GQA983068:GQD983068 GZW983068:GZZ983068 HJS983068:HJV983068 HTO983068:HTR983068 IDK983068:IDN983068 ING983068:INJ983068 IXC983068:IXF983068 JGY983068:JHB983068 JQU983068:JQX983068 KAQ983068:KAT983068 KKM983068:KKP983068 KUI983068:KUL983068 LEE983068:LEH983068 LOA983068:LOD983068 LXW983068:LXZ983068 MHS983068:MHV983068 MRO983068:MRR983068 NBK983068:NBN983068 NLG983068:NLJ983068 NVC983068:NVF983068 OEY983068:OFB983068 OOU983068:OOX983068 OYQ983068:OYT983068 PIM983068:PIP983068 PSI983068:PSL983068 QCE983068:QCH983068 QMA983068:QMD983068 QVW983068:QVZ983068 RFS983068:RFV983068 RPO983068:RPR983068 RZK983068:RZN983068 SJG983068:SJJ983068 STC983068:STF983068 TCY983068:TDB983068 TMU983068:TMX983068 TWQ983068:TWT983068 UGM983068:UGP983068 UQI983068:UQL983068 VAE983068:VAH983068 VKA983068:VKD983068 VTW983068:VTZ983068 WDS983068:WDV983068 WNO983068:WNR983068 WXK983068:WXN983068 AY28:BE28 KU28:LA28 UQ28:UW28 AEM28:AES28 AOI28:AOO28 AYE28:AYK28 BIA28:BIG28 BRW28:BSC28 CBS28:CBY28 CLO28:CLU28 CVK28:CVQ28 DFG28:DFM28 DPC28:DPI28 DYY28:DZE28 EIU28:EJA28 ESQ28:ESW28 FCM28:FCS28 FMI28:FMO28 FWE28:FWK28 GGA28:GGG28 GPW28:GQC28 GZS28:GZY28 HJO28:HJU28 HTK28:HTQ28 IDG28:IDM28 INC28:INI28 IWY28:IXE28 JGU28:JHA28 JQQ28:JQW28 KAM28:KAS28 KKI28:KKO28 KUE28:KUK28 LEA28:LEG28 LNW28:LOC28 LXS28:LXY28 MHO28:MHU28 MRK28:MRQ28 NBG28:NBM28 NLC28:NLI28 NUY28:NVE28 OEU28:OFA28 OOQ28:OOW28 OYM28:OYS28 PII28:PIO28 PSE28:PSK28 QCA28:QCG28 QLW28:QMC28 QVS28:QVY28 RFO28:RFU28 RPK28:RPQ28 RZG28:RZM28 SJC28:SJI28 SSY28:STE28 TCU28:TDA28 TMQ28:TMW28 TWM28:TWS28 UGI28:UGO28 UQE28:UQK28 VAA28:VAG28 VJW28:VKC28 VTS28:VTY28 WDO28:WDU28 WNK28:WNQ28 WXG28:WXM28 AY65565:BE65565 KU65565:LA65565 UQ65565:UW65565 AEM65565:AES65565 AOI65565:AOO65565 AYE65565:AYK65565 BIA65565:BIG65565 BRW65565:BSC65565 CBS65565:CBY65565 CLO65565:CLU65565 CVK65565:CVQ65565 DFG65565:DFM65565 DPC65565:DPI65565 DYY65565:DZE65565 EIU65565:EJA65565 ESQ65565:ESW65565 FCM65565:FCS65565 FMI65565:FMO65565 FWE65565:FWK65565 GGA65565:GGG65565 GPW65565:GQC65565 GZS65565:GZY65565 HJO65565:HJU65565 HTK65565:HTQ65565 IDG65565:IDM65565 INC65565:INI65565 IWY65565:IXE65565 JGU65565:JHA65565 JQQ65565:JQW65565 KAM65565:KAS65565 KKI65565:KKO65565 KUE65565:KUK65565 LEA65565:LEG65565 LNW65565:LOC65565 LXS65565:LXY65565 MHO65565:MHU65565 MRK65565:MRQ65565 NBG65565:NBM65565 NLC65565:NLI65565 NUY65565:NVE65565 OEU65565:OFA65565 OOQ65565:OOW65565 OYM65565:OYS65565 PII65565:PIO65565 PSE65565:PSK65565 QCA65565:QCG65565 QLW65565:QMC65565 QVS65565:QVY65565 RFO65565:RFU65565 RPK65565:RPQ65565 RZG65565:RZM65565 SJC65565:SJI65565 SSY65565:STE65565 TCU65565:TDA65565 TMQ65565:TMW65565 TWM65565:TWS65565 UGI65565:UGO65565 UQE65565:UQK65565 VAA65565:VAG65565 VJW65565:VKC65565 VTS65565:VTY65565 WDO65565:WDU65565 WNK65565:WNQ65565 WXG65565:WXM65565 AY131101:BE131101 KU131101:LA131101 UQ131101:UW131101 AEM131101:AES131101 AOI131101:AOO131101 AYE131101:AYK131101 BIA131101:BIG131101 BRW131101:BSC131101 CBS131101:CBY131101 CLO131101:CLU131101 CVK131101:CVQ131101 DFG131101:DFM131101 DPC131101:DPI131101 DYY131101:DZE131101 EIU131101:EJA131101 ESQ131101:ESW131101 FCM131101:FCS131101 FMI131101:FMO131101 FWE131101:FWK131101 GGA131101:GGG131101 GPW131101:GQC131101 GZS131101:GZY131101 HJO131101:HJU131101 HTK131101:HTQ131101 IDG131101:IDM131101 INC131101:INI131101 IWY131101:IXE131101 JGU131101:JHA131101 JQQ131101:JQW131101 KAM131101:KAS131101 KKI131101:KKO131101 KUE131101:KUK131101 LEA131101:LEG131101 LNW131101:LOC131101 LXS131101:LXY131101 MHO131101:MHU131101 MRK131101:MRQ131101 NBG131101:NBM131101 NLC131101:NLI131101 NUY131101:NVE131101 OEU131101:OFA131101 OOQ131101:OOW131101 OYM131101:OYS131101 PII131101:PIO131101 PSE131101:PSK131101 QCA131101:QCG131101 QLW131101:QMC131101 QVS131101:QVY131101 RFO131101:RFU131101 RPK131101:RPQ131101 RZG131101:RZM131101 SJC131101:SJI131101 SSY131101:STE131101 TCU131101:TDA131101 TMQ131101:TMW131101 TWM131101:TWS131101 UGI131101:UGO131101 UQE131101:UQK131101 VAA131101:VAG131101 VJW131101:VKC131101 VTS131101:VTY131101 WDO131101:WDU131101 WNK131101:WNQ131101 WXG131101:WXM131101 AY196637:BE196637 KU196637:LA196637 UQ196637:UW196637 AEM196637:AES196637 AOI196637:AOO196637 AYE196637:AYK196637 BIA196637:BIG196637 BRW196637:BSC196637 CBS196637:CBY196637 CLO196637:CLU196637 CVK196637:CVQ196637 DFG196637:DFM196637 DPC196637:DPI196637 DYY196637:DZE196637 EIU196637:EJA196637 ESQ196637:ESW196637 FCM196637:FCS196637 FMI196637:FMO196637 FWE196637:FWK196637 GGA196637:GGG196637 GPW196637:GQC196637 GZS196637:GZY196637 HJO196637:HJU196637 HTK196637:HTQ196637 IDG196637:IDM196637 INC196637:INI196637 IWY196637:IXE196637 JGU196637:JHA196637 JQQ196637:JQW196637 KAM196637:KAS196637 KKI196637:KKO196637 KUE196637:KUK196637 LEA196637:LEG196637 LNW196637:LOC196637 LXS196637:LXY196637 MHO196637:MHU196637 MRK196637:MRQ196637 NBG196637:NBM196637 NLC196637:NLI196637 NUY196637:NVE196637 OEU196637:OFA196637 OOQ196637:OOW196637 OYM196637:OYS196637 PII196637:PIO196637 PSE196637:PSK196637 QCA196637:QCG196637 QLW196637:QMC196637 QVS196637:QVY196637 RFO196637:RFU196637 RPK196637:RPQ196637 RZG196637:RZM196637 SJC196637:SJI196637 SSY196637:STE196637 TCU196637:TDA196637 TMQ196637:TMW196637 TWM196637:TWS196637 UGI196637:UGO196637 UQE196637:UQK196637 VAA196637:VAG196637 VJW196637:VKC196637 VTS196637:VTY196637 WDO196637:WDU196637 WNK196637:WNQ196637 WXG196637:WXM196637 AY262173:BE262173 KU262173:LA262173 UQ262173:UW262173 AEM262173:AES262173 AOI262173:AOO262173 AYE262173:AYK262173 BIA262173:BIG262173 BRW262173:BSC262173 CBS262173:CBY262173 CLO262173:CLU262173 CVK262173:CVQ262173 DFG262173:DFM262173 DPC262173:DPI262173 DYY262173:DZE262173 EIU262173:EJA262173 ESQ262173:ESW262173 FCM262173:FCS262173 FMI262173:FMO262173 FWE262173:FWK262173 GGA262173:GGG262173 GPW262173:GQC262173 GZS262173:GZY262173 HJO262173:HJU262173 HTK262173:HTQ262173 IDG262173:IDM262173 INC262173:INI262173 IWY262173:IXE262173 JGU262173:JHA262173 JQQ262173:JQW262173 KAM262173:KAS262173 KKI262173:KKO262173 KUE262173:KUK262173 LEA262173:LEG262173 LNW262173:LOC262173 LXS262173:LXY262173 MHO262173:MHU262173 MRK262173:MRQ262173 NBG262173:NBM262173 NLC262173:NLI262173 NUY262173:NVE262173 OEU262173:OFA262173 OOQ262173:OOW262173 OYM262173:OYS262173 PII262173:PIO262173 PSE262173:PSK262173 QCA262173:QCG262173 QLW262173:QMC262173 QVS262173:QVY262173 RFO262173:RFU262173 RPK262173:RPQ262173 RZG262173:RZM262173 SJC262173:SJI262173 SSY262173:STE262173 TCU262173:TDA262173 TMQ262173:TMW262173 TWM262173:TWS262173 UGI262173:UGO262173 UQE262173:UQK262173 VAA262173:VAG262173 VJW262173:VKC262173 VTS262173:VTY262173 WDO262173:WDU262173 WNK262173:WNQ262173 WXG262173:WXM262173 AY327709:BE327709 KU327709:LA327709 UQ327709:UW327709 AEM327709:AES327709 AOI327709:AOO327709 AYE327709:AYK327709 BIA327709:BIG327709 BRW327709:BSC327709 CBS327709:CBY327709 CLO327709:CLU327709 CVK327709:CVQ327709 DFG327709:DFM327709 DPC327709:DPI327709 DYY327709:DZE327709 EIU327709:EJA327709 ESQ327709:ESW327709 FCM327709:FCS327709 FMI327709:FMO327709 FWE327709:FWK327709 GGA327709:GGG327709 GPW327709:GQC327709 GZS327709:GZY327709 HJO327709:HJU327709 HTK327709:HTQ327709 IDG327709:IDM327709 INC327709:INI327709 IWY327709:IXE327709 JGU327709:JHA327709 JQQ327709:JQW327709 KAM327709:KAS327709 KKI327709:KKO327709 KUE327709:KUK327709 LEA327709:LEG327709 LNW327709:LOC327709 LXS327709:LXY327709 MHO327709:MHU327709 MRK327709:MRQ327709 NBG327709:NBM327709 NLC327709:NLI327709 NUY327709:NVE327709 OEU327709:OFA327709 OOQ327709:OOW327709 OYM327709:OYS327709 PII327709:PIO327709 PSE327709:PSK327709 QCA327709:QCG327709 QLW327709:QMC327709 QVS327709:QVY327709 RFO327709:RFU327709 RPK327709:RPQ327709 RZG327709:RZM327709 SJC327709:SJI327709 SSY327709:STE327709 TCU327709:TDA327709 TMQ327709:TMW327709 TWM327709:TWS327709 UGI327709:UGO327709 UQE327709:UQK327709 VAA327709:VAG327709 VJW327709:VKC327709 VTS327709:VTY327709 WDO327709:WDU327709 WNK327709:WNQ327709 WXG327709:WXM327709 AY393245:BE393245 KU393245:LA393245 UQ393245:UW393245 AEM393245:AES393245 AOI393245:AOO393245 AYE393245:AYK393245 BIA393245:BIG393245 BRW393245:BSC393245 CBS393245:CBY393245 CLO393245:CLU393245 CVK393245:CVQ393245 DFG393245:DFM393245 DPC393245:DPI393245 DYY393245:DZE393245 EIU393245:EJA393245 ESQ393245:ESW393245 FCM393245:FCS393245 FMI393245:FMO393245 FWE393245:FWK393245 GGA393245:GGG393245 GPW393245:GQC393245 GZS393245:GZY393245 HJO393245:HJU393245 HTK393245:HTQ393245 IDG393245:IDM393245 INC393245:INI393245 IWY393245:IXE393245 JGU393245:JHA393245 JQQ393245:JQW393245 KAM393245:KAS393245 KKI393245:KKO393245 KUE393245:KUK393245 LEA393245:LEG393245 LNW393245:LOC393245 LXS393245:LXY393245 MHO393245:MHU393245 MRK393245:MRQ393245 NBG393245:NBM393245 NLC393245:NLI393245 NUY393245:NVE393245 OEU393245:OFA393245 OOQ393245:OOW393245 OYM393245:OYS393245 PII393245:PIO393245 PSE393245:PSK393245 QCA393245:QCG393245 QLW393245:QMC393245 QVS393245:QVY393245 RFO393245:RFU393245 RPK393245:RPQ393245 RZG393245:RZM393245 SJC393245:SJI393245 SSY393245:STE393245 TCU393245:TDA393245 TMQ393245:TMW393245 TWM393245:TWS393245 UGI393245:UGO393245 UQE393245:UQK393245 VAA393245:VAG393245 VJW393245:VKC393245 VTS393245:VTY393245 WDO393245:WDU393245 WNK393245:WNQ393245 WXG393245:WXM393245 AY458781:BE458781 KU458781:LA458781 UQ458781:UW458781 AEM458781:AES458781 AOI458781:AOO458781 AYE458781:AYK458781 BIA458781:BIG458781 BRW458781:BSC458781 CBS458781:CBY458781 CLO458781:CLU458781 CVK458781:CVQ458781 DFG458781:DFM458781 DPC458781:DPI458781 DYY458781:DZE458781 EIU458781:EJA458781 ESQ458781:ESW458781 FCM458781:FCS458781 FMI458781:FMO458781 FWE458781:FWK458781 GGA458781:GGG458781 GPW458781:GQC458781 GZS458781:GZY458781 HJO458781:HJU458781 HTK458781:HTQ458781 IDG458781:IDM458781 INC458781:INI458781 IWY458781:IXE458781 JGU458781:JHA458781 JQQ458781:JQW458781 KAM458781:KAS458781 KKI458781:KKO458781 KUE458781:KUK458781 LEA458781:LEG458781 LNW458781:LOC458781 LXS458781:LXY458781 MHO458781:MHU458781 MRK458781:MRQ458781 NBG458781:NBM458781 NLC458781:NLI458781 NUY458781:NVE458781 OEU458781:OFA458781 OOQ458781:OOW458781 OYM458781:OYS458781 PII458781:PIO458781 PSE458781:PSK458781 QCA458781:QCG458781 QLW458781:QMC458781 QVS458781:QVY458781 RFO458781:RFU458781 RPK458781:RPQ458781 RZG458781:RZM458781 SJC458781:SJI458781 SSY458781:STE458781 TCU458781:TDA458781 TMQ458781:TMW458781 TWM458781:TWS458781 UGI458781:UGO458781 UQE458781:UQK458781 VAA458781:VAG458781 VJW458781:VKC458781 VTS458781:VTY458781 WDO458781:WDU458781 WNK458781:WNQ458781 WXG458781:WXM458781 AY524317:BE524317 KU524317:LA524317 UQ524317:UW524317 AEM524317:AES524317 AOI524317:AOO524317 AYE524317:AYK524317 BIA524317:BIG524317 BRW524317:BSC524317 CBS524317:CBY524317 CLO524317:CLU524317 CVK524317:CVQ524317 DFG524317:DFM524317 DPC524317:DPI524317 DYY524317:DZE524317 EIU524317:EJA524317 ESQ524317:ESW524317 FCM524317:FCS524317 FMI524317:FMO524317 FWE524317:FWK524317 GGA524317:GGG524317 GPW524317:GQC524317 GZS524317:GZY524317 HJO524317:HJU524317 HTK524317:HTQ524317 IDG524317:IDM524317 INC524317:INI524317 IWY524317:IXE524317 JGU524317:JHA524317 JQQ524317:JQW524317 KAM524317:KAS524317 KKI524317:KKO524317 KUE524317:KUK524317 LEA524317:LEG524317 LNW524317:LOC524317 LXS524317:LXY524317 MHO524317:MHU524317 MRK524317:MRQ524317 NBG524317:NBM524317 NLC524317:NLI524317 NUY524317:NVE524317 OEU524317:OFA524317 OOQ524317:OOW524317 OYM524317:OYS524317 PII524317:PIO524317 PSE524317:PSK524317 QCA524317:QCG524317 QLW524317:QMC524317 QVS524317:QVY524317 RFO524317:RFU524317 RPK524317:RPQ524317 RZG524317:RZM524317 SJC524317:SJI524317 SSY524317:STE524317 TCU524317:TDA524317 TMQ524317:TMW524317 TWM524317:TWS524317 UGI524317:UGO524317 UQE524317:UQK524317 VAA524317:VAG524317 VJW524317:VKC524317 VTS524317:VTY524317 WDO524317:WDU524317 WNK524317:WNQ524317 WXG524317:WXM524317 AY589853:BE589853 KU589853:LA589853 UQ589853:UW589853 AEM589853:AES589853 AOI589853:AOO589853 AYE589853:AYK589853 BIA589853:BIG589853 BRW589853:BSC589853 CBS589853:CBY589853 CLO589853:CLU589853 CVK589853:CVQ589853 DFG589853:DFM589853 DPC589853:DPI589853 DYY589853:DZE589853 EIU589853:EJA589853 ESQ589853:ESW589853 FCM589853:FCS589853 FMI589853:FMO589853 FWE589853:FWK589853 GGA589853:GGG589853 GPW589853:GQC589853 GZS589853:GZY589853 HJO589853:HJU589853 HTK589853:HTQ589853 IDG589853:IDM589853 INC589853:INI589853 IWY589853:IXE589853 JGU589853:JHA589853 JQQ589853:JQW589853 KAM589853:KAS589853 KKI589853:KKO589853 KUE589853:KUK589853 LEA589853:LEG589853 LNW589853:LOC589853 LXS589853:LXY589853 MHO589853:MHU589853 MRK589853:MRQ589853 NBG589853:NBM589853 NLC589853:NLI589853 NUY589853:NVE589853 OEU589853:OFA589853 OOQ589853:OOW589853 OYM589853:OYS589853 PII589853:PIO589853 PSE589853:PSK589853 QCA589853:QCG589853 QLW589853:QMC589853 QVS589853:QVY589853 RFO589853:RFU589853 RPK589853:RPQ589853 RZG589853:RZM589853 SJC589853:SJI589853 SSY589853:STE589853 TCU589853:TDA589853 TMQ589853:TMW589853 TWM589853:TWS589853 UGI589853:UGO589853 UQE589853:UQK589853 VAA589853:VAG589853 VJW589853:VKC589853 VTS589853:VTY589853 WDO589853:WDU589853 WNK589853:WNQ589853 WXG589853:WXM589853 AY655389:BE655389 KU655389:LA655389 UQ655389:UW655389 AEM655389:AES655389 AOI655389:AOO655389 AYE655389:AYK655389 BIA655389:BIG655389 BRW655389:BSC655389 CBS655389:CBY655389 CLO655389:CLU655389 CVK655389:CVQ655389 DFG655389:DFM655389 DPC655389:DPI655389 DYY655389:DZE655389 EIU655389:EJA655389 ESQ655389:ESW655389 FCM655389:FCS655389 FMI655389:FMO655389 FWE655389:FWK655389 GGA655389:GGG655389 GPW655389:GQC655389 GZS655389:GZY655389 HJO655389:HJU655389 HTK655389:HTQ655389 IDG655389:IDM655389 INC655389:INI655389 IWY655389:IXE655389 JGU655389:JHA655389 JQQ655389:JQW655389 KAM655389:KAS655389 KKI655389:KKO655389 KUE655389:KUK655389 LEA655389:LEG655389 LNW655389:LOC655389 LXS655389:LXY655389 MHO655389:MHU655389 MRK655389:MRQ655389 NBG655389:NBM655389 NLC655389:NLI655389 NUY655389:NVE655389 OEU655389:OFA655389 OOQ655389:OOW655389 OYM655389:OYS655389 PII655389:PIO655389 PSE655389:PSK655389 QCA655389:QCG655389 QLW655389:QMC655389 QVS655389:QVY655389 RFO655389:RFU655389 RPK655389:RPQ655389 RZG655389:RZM655389 SJC655389:SJI655389 SSY655389:STE655389 TCU655389:TDA655389 TMQ655389:TMW655389 TWM655389:TWS655389 UGI655389:UGO655389 UQE655389:UQK655389 VAA655389:VAG655389 VJW655389:VKC655389 VTS655389:VTY655389 WDO655389:WDU655389 WNK655389:WNQ655389 WXG655389:WXM655389 AY720925:BE720925 KU720925:LA720925 UQ720925:UW720925 AEM720925:AES720925 AOI720925:AOO720925 AYE720925:AYK720925 BIA720925:BIG720925 BRW720925:BSC720925 CBS720925:CBY720925 CLO720925:CLU720925 CVK720925:CVQ720925 DFG720925:DFM720925 DPC720925:DPI720925 DYY720925:DZE720925 EIU720925:EJA720925 ESQ720925:ESW720925 FCM720925:FCS720925 FMI720925:FMO720925 FWE720925:FWK720925 GGA720925:GGG720925 GPW720925:GQC720925 GZS720925:GZY720925 HJO720925:HJU720925 HTK720925:HTQ720925 IDG720925:IDM720925 INC720925:INI720925 IWY720925:IXE720925 JGU720925:JHA720925 JQQ720925:JQW720925 KAM720925:KAS720925 KKI720925:KKO720925 KUE720925:KUK720925 LEA720925:LEG720925 LNW720925:LOC720925 LXS720925:LXY720925 MHO720925:MHU720925 MRK720925:MRQ720925 NBG720925:NBM720925 NLC720925:NLI720925 NUY720925:NVE720925 OEU720925:OFA720925 OOQ720925:OOW720925 OYM720925:OYS720925 PII720925:PIO720925 PSE720925:PSK720925 QCA720925:QCG720925 QLW720925:QMC720925 QVS720925:QVY720925 RFO720925:RFU720925 RPK720925:RPQ720925 RZG720925:RZM720925 SJC720925:SJI720925 SSY720925:STE720925 TCU720925:TDA720925 TMQ720925:TMW720925 TWM720925:TWS720925 UGI720925:UGO720925 UQE720925:UQK720925 VAA720925:VAG720925 VJW720925:VKC720925 VTS720925:VTY720925 WDO720925:WDU720925 WNK720925:WNQ720925 WXG720925:WXM720925 AY786461:BE786461 KU786461:LA786461 UQ786461:UW786461 AEM786461:AES786461 AOI786461:AOO786461 AYE786461:AYK786461 BIA786461:BIG786461 BRW786461:BSC786461 CBS786461:CBY786461 CLO786461:CLU786461 CVK786461:CVQ786461 DFG786461:DFM786461 DPC786461:DPI786461 DYY786461:DZE786461 EIU786461:EJA786461 ESQ786461:ESW786461 FCM786461:FCS786461 FMI786461:FMO786461 FWE786461:FWK786461 GGA786461:GGG786461 GPW786461:GQC786461 GZS786461:GZY786461 HJO786461:HJU786461 HTK786461:HTQ786461 IDG786461:IDM786461 INC786461:INI786461 IWY786461:IXE786461 JGU786461:JHA786461 JQQ786461:JQW786461 KAM786461:KAS786461 KKI786461:KKO786461 KUE786461:KUK786461 LEA786461:LEG786461 LNW786461:LOC786461 LXS786461:LXY786461 MHO786461:MHU786461 MRK786461:MRQ786461 NBG786461:NBM786461 NLC786461:NLI786461 NUY786461:NVE786461 OEU786461:OFA786461 OOQ786461:OOW786461 OYM786461:OYS786461 PII786461:PIO786461 PSE786461:PSK786461 QCA786461:QCG786461 QLW786461:QMC786461 QVS786461:QVY786461 RFO786461:RFU786461 RPK786461:RPQ786461 RZG786461:RZM786461 SJC786461:SJI786461 SSY786461:STE786461 TCU786461:TDA786461 TMQ786461:TMW786461 TWM786461:TWS786461 UGI786461:UGO786461 UQE786461:UQK786461 VAA786461:VAG786461 VJW786461:VKC786461 VTS786461:VTY786461 WDO786461:WDU786461 WNK786461:WNQ786461 WXG786461:WXM786461 AY851997:BE851997 KU851997:LA851997 UQ851997:UW851997 AEM851997:AES851997 AOI851997:AOO851997 AYE851997:AYK851997 BIA851997:BIG851997 BRW851997:BSC851997 CBS851997:CBY851997 CLO851997:CLU851997 CVK851997:CVQ851997 DFG851997:DFM851997 DPC851997:DPI851997 DYY851997:DZE851997 EIU851997:EJA851997 ESQ851997:ESW851997 FCM851997:FCS851997 FMI851997:FMO851997 FWE851997:FWK851997 GGA851997:GGG851997 GPW851997:GQC851997 GZS851997:GZY851997 HJO851997:HJU851997 HTK851997:HTQ851997 IDG851997:IDM851997 INC851997:INI851997 IWY851997:IXE851997 JGU851997:JHA851997 JQQ851997:JQW851997 KAM851997:KAS851997 KKI851997:KKO851997 KUE851997:KUK851997 LEA851997:LEG851997 LNW851997:LOC851997 LXS851997:LXY851997 MHO851997:MHU851997 MRK851997:MRQ851997 NBG851997:NBM851997 NLC851997:NLI851997 NUY851997:NVE851997 OEU851997:OFA851997 OOQ851997:OOW851997 OYM851997:OYS851997 PII851997:PIO851997 PSE851997:PSK851997 QCA851997:QCG851997 QLW851997:QMC851997 QVS851997:QVY851997 RFO851997:RFU851997 RPK851997:RPQ851997 RZG851997:RZM851997 SJC851997:SJI851997 SSY851997:STE851997 TCU851997:TDA851997 TMQ851997:TMW851997 TWM851997:TWS851997 UGI851997:UGO851997 UQE851997:UQK851997 VAA851997:VAG851997 VJW851997:VKC851997 VTS851997:VTY851997 WDO851997:WDU851997 WNK851997:WNQ851997 WXG851997:WXM851997 AY917533:BE917533 KU917533:LA917533 UQ917533:UW917533 AEM917533:AES917533 AOI917533:AOO917533 AYE917533:AYK917533 BIA917533:BIG917533 BRW917533:BSC917533 CBS917533:CBY917533 CLO917533:CLU917533 CVK917533:CVQ917533 DFG917533:DFM917533 DPC917533:DPI917533 DYY917533:DZE917533 EIU917533:EJA917533 ESQ917533:ESW917533 FCM917533:FCS917533 FMI917533:FMO917533 FWE917533:FWK917533 GGA917533:GGG917533 GPW917533:GQC917533 GZS917533:GZY917533 HJO917533:HJU917533 HTK917533:HTQ917533 IDG917533:IDM917533 INC917533:INI917533 IWY917533:IXE917533 JGU917533:JHA917533 JQQ917533:JQW917533 KAM917533:KAS917533 KKI917533:KKO917533 KUE917533:KUK917533 LEA917533:LEG917533 LNW917533:LOC917533 LXS917533:LXY917533 MHO917533:MHU917533 MRK917533:MRQ917533 NBG917533:NBM917533 NLC917533:NLI917533 NUY917533:NVE917533 OEU917533:OFA917533 OOQ917533:OOW917533 OYM917533:OYS917533 PII917533:PIO917533 PSE917533:PSK917533 QCA917533:QCG917533 QLW917533:QMC917533 QVS917533:QVY917533 RFO917533:RFU917533 RPK917533:RPQ917533 RZG917533:RZM917533 SJC917533:SJI917533 SSY917533:STE917533 TCU917533:TDA917533 TMQ917533:TMW917533 TWM917533:TWS917533 UGI917533:UGO917533 UQE917533:UQK917533 VAA917533:VAG917533 VJW917533:VKC917533 VTS917533:VTY917533 WDO917533:WDU917533 WNK917533:WNQ917533 WXG917533:WXM917533 AY983069:BE983069 KU983069:LA983069 UQ983069:UW983069 AEM983069:AES983069 AOI983069:AOO983069 AYE983069:AYK983069 BIA983069:BIG983069 BRW983069:BSC983069 CBS983069:CBY983069 CLO983069:CLU983069 CVK983069:CVQ983069 DFG983069:DFM983069 DPC983069:DPI983069 DYY983069:DZE983069 EIU983069:EJA983069 ESQ983069:ESW983069 FCM983069:FCS983069 FMI983069:FMO983069 FWE983069:FWK983069 GGA983069:GGG983069 GPW983069:GQC983069 GZS983069:GZY983069 HJO983069:HJU983069 HTK983069:HTQ983069 IDG983069:IDM983069 INC983069:INI983069 IWY983069:IXE983069 JGU983069:JHA983069 JQQ983069:JQW983069 KAM983069:KAS983069 KKI983069:KKO983069 KUE983069:KUK983069 LEA983069:LEG983069 LNW983069:LOC983069 LXS983069:LXY983069 MHO983069:MHU983069 MRK983069:MRQ983069 NBG983069:NBM983069 NLC983069:NLI983069 NUY983069:NVE983069 OEU983069:OFA983069 OOQ983069:OOW983069 OYM983069:OYS983069 PII983069:PIO983069 PSE983069:PSK983069 QCA983069:QCG983069 QLW983069:QMC983069 QVS983069:QVY983069 RFO983069:RFU983069 RPK983069:RPQ983069 RZG983069:RZM983069 SJC983069:SJI983069 SSY983069:STE983069 TCU983069:TDA983069 TMQ983069:TMW983069 TWM983069:TWS983069 UGI983069:UGO983069 UQE983069:UQK983069 VAA983069:VAG983069 VJW983069:VKC983069 VTS983069:VTY983069 WDO983069:WDU983069 WNK983069:WNQ983069 WXG983069:WXM983069 AX29:BA29 KT29:KW29 UP29:US29 AEL29:AEO29 AOH29:AOK29 AYD29:AYG29 BHZ29:BIC29 BRV29:BRY29 CBR29:CBU29 CLN29:CLQ29 CVJ29:CVM29 DFF29:DFI29 DPB29:DPE29 DYX29:DZA29 EIT29:EIW29 ESP29:ESS29 FCL29:FCO29 FMH29:FMK29 FWD29:FWG29 GFZ29:GGC29 GPV29:GPY29 GZR29:GZU29 HJN29:HJQ29 HTJ29:HTM29 IDF29:IDI29 INB29:INE29 IWX29:IXA29 JGT29:JGW29 JQP29:JQS29 KAL29:KAO29 KKH29:KKK29 KUD29:KUG29 LDZ29:LEC29 LNV29:LNY29 LXR29:LXU29 MHN29:MHQ29 MRJ29:MRM29 NBF29:NBI29 NLB29:NLE29 NUX29:NVA29 OET29:OEW29 OOP29:OOS29 OYL29:OYO29 PIH29:PIK29 PSD29:PSG29 QBZ29:QCC29 QLV29:QLY29 QVR29:QVU29 RFN29:RFQ29 RPJ29:RPM29 RZF29:RZI29 SJB29:SJE29 SSX29:STA29 TCT29:TCW29 TMP29:TMS29 TWL29:TWO29 UGH29:UGK29 UQD29:UQG29 UZZ29:VAC29 VJV29:VJY29 VTR29:VTU29 WDN29:WDQ29 WNJ29:WNM29 WXF29:WXI29 AX65566:BA65566 KT65566:KW65566 UP65566:US65566 AEL65566:AEO65566 AOH65566:AOK65566 AYD65566:AYG65566 BHZ65566:BIC65566 BRV65566:BRY65566 CBR65566:CBU65566 CLN65566:CLQ65566 CVJ65566:CVM65566 DFF65566:DFI65566 DPB65566:DPE65566 DYX65566:DZA65566 EIT65566:EIW65566 ESP65566:ESS65566 FCL65566:FCO65566 FMH65566:FMK65566 FWD65566:FWG65566 GFZ65566:GGC65566 GPV65566:GPY65566 GZR65566:GZU65566 HJN65566:HJQ65566 HTJ65566:HTM65566 IDF65566:IDI65566 INB65566:INE65566 IWX65566:IXA65566 JGT65566:JGW65566 JQP65566:JQS65566 KAL65566:KAO65566 KKH65566:KKK65566 KUD65566:KUG65566 LDZ65566:LEC65566 LNV65566:LNY65566 LXR65566:LXU65566 MHN65566:MHQ65566 MRJ65566:MRM65566 NBF65566:NBI65566 NLB65566:NLE65566 NUX65566:NVA65566 OET65566:OEW65566 OOP65566:OOS65566 OYL65566:OYO65566 PIH65566:PIK65566 PSD65566:PSG65566 QBZ65566:QCC65566 QLV65566:QLY65566 QVR65566:QVU65566 RFN65566:RFQ65566 RPJ65566:RPM65566 RZF65566:RZI65566 SJB65566:SJE65566 SSX65566:STA65566 TCT65566:TCW65566 TMP65566:TMS65566 TWL65566:TWO65566 UGH65566:UGK65566 UQD65566:UQG65566 UZZ65566:VAC65566 VJV65566:VJY65566 VTR65566:VTU65566 WDN65566:WDQ65566 WNJ65566:WNM65566 WXF65566:WXI65566 AX131102:BA131102 KT131102:KW131102 UP131102:US131102 AEL131102:AEO131102 AOH131102:AOK131102 AYD131102:AYG131102 BHZ131102:BIC131102 BRV131102:BRY131102 CBR131102:CBU131102 CLN131102:CLQ131102 CVJ131102:CVM131102 DFF131102:DFI131102 DPB131102:DPE131102 DYX131102:DZA131102 EIT131102:EIW131102 ESP131102:ESS131102 FCL131102:FCO131102 FMH131102:FMK131102 FWD131102:FWG131102 GFZ131102:GGC131102 GPV131102:GPY131102 GZR131102:GZU131102 HJN131102:HJQ131102 HTJ131102:HTM131102 IDF131102:IDI131102 INB131102:INE131102 IWX131102:IXA131102 JGT131102:JGW131102 JQP131102:JQS131102 KAL131102:KAO131102 KKH131102:KKK131102 KUD131102:KUG131102 LDZ131102:LEC131102 LNV131102:LNY131102 LXR131102:LXU131102 MHN131102:MHQ131102 MRJ131102:MRM131102 NBF131102:NBI131102 NLB131102:NLE131102 NUX131102:NVA131102 OET131102:OEW131102 OOP131102:OOS131102 OYL131102:OYO131102 PIH131102:PIK131102 PSD131102:PSG131102 QBZ131102:QCC131102 QLV131102:QLY131102 QVR131102:QVU131102 RFN131102:RFQ131102 RPJ131102:RPM131102 RZF131102:RZI131102 SJB131102:SJE131102 SSX131102:STA131102 TCT131102:TCW131102 TMP131102:TMS131102 TWL131102:TWO131102 UGH131102:UGK131102 UQD131102:UQG131102 UZZ131102:VAC131102 VJV131102:VJY131102 VTR131102:VTU131102 WDN131102:WDQ131102 WNJ131102:WNM131102 WXF131102:WXI131102 AX196638:BA196638 KT196638:KW196638 UP196638:US196638 AEL196638:AEO196638 AOH196638:AOK196638 AYD196638:AYG196638 BHZ196638:BIC196638 BRV196638:BRY196638 CBR196638:CBU196638 CLN196638:CLQ196638 CVJ196638:CVM196638 DFF196638:DFI196638 DPB196638:DPE196638 DYX196638:DZA196638 EIT196638:EIW196638 ESP196638:ESS196638 FCL196638:FCO196638 FMH196638:FMK196638 FWD196638:FWG196638 GFZ196638:GGC196638 GPV196638:GPY196638 GZR196638:GZU196638 HJN196638:HJQ196638 HTJ196638:HTM196638 IDF196638:IDI196638 INB196638:INE196638 IWX196638:IXA196638 JGT196638:JGW196638 JQP196638:JQS196638 KAL196638:KAO196638 KKH196638:KKK196638 KUD196638:KUG196638 LDZ196638:LEC196638 LNV196638:LNY196638 LXR196638:LXU196638 MHN196638:MHQ196638 MRJ196638:MRM196638 NBF196638:NBI196638 NLB196638:NLE196638 NUX196638:NVA196638 OET196638:OEW196638 OOP196638:OOS196638 OYL196638:OYO196638 PIH196638:PIK196638 PSD196638:PSG196638 QBZ196638:QCC196638 QLV196638:QLY196638 QVR196638:QVU196638 RFN196638:RFQ196638 RPJ196638:RPM196638 RZF196638:RZI196638 SJB196638:SJE196638 SSX196638:STA196638 TCT196638:TCW196638 TMP196638:TMS196638 TWL196638:TWO196638 UGH196638:UGK196638 UQD196638:UQG196638 UZZ196638:VAC196638 VJV196638:VJY196638 VTR196638:VTU196638 WDN196638:WDQ196638 WNJ196638:WNM196638 WXF196638:WXI196638 AX262174:BA262174 KT262174:KW262174 UP262174:US262174 AEL262174:AEO262174 AOH262174:AOK262174 AYD262174:AYG262174 BHZ262174:BIC262174 BRV262174:BRY262174 CBR262174:CBU262174 CLN262174:CLQ262174 CVJ262174:CVM262174 DFF262174:DFI262174 DPB262174:DPE262174 DYX262174:DZA262174 EIT262174:EIW262174 ESP262174:ESS262174 FCL262174:FCO262174 FMH262174:FMK262174 FWD262174:FWG262174 GFZ262174:GGC262174 GPV262174:GPY262174 GZR262174:GZU262174 HJN262174:HJQ262174 HTJ262174:HTM262174 IDF262174:IDI262174 INB262174:INE262174 IWX262174:IXA262174 JGT262174:JGW262174 JQP262174:JQS262174 KAL262174:KAO262174 KKH262174:KKK262174 KUD262174:KUG262174 LDZ262174:LEC262174 LNV262174:LNY262174 LXR262174:LXU262174 MHN262174:MHQ262174 MRJ262174:MRM262174 NBF262174:NBI262174 NLB262174:NLE262174 NUX262174:NVA262174 OET262174:OEW262174 OOP262174:OOS262174 OYL262174:OYO262174 PIH262174:PIK262174 PSD262174:PSG262174 QBZ262174:QCC262174 QLV262174:QLY262174 QVR262174:QVU262174 RFN262174:RFQ262174 RPJ262174:RPM262174 RZF262174:RZI262174 SJB262174:SJE262174 SSX262174:STA262174 TCT262174:TCW262174 TMP262174:TMS262174 TWL262174:TWO262174 UGH262174:UGK262174 UQD262174:UQG262174 UZZ262174:VAC262174 VJV262174:VJY262174 VTR262174:VTU262174 WDN262174:WDQ262174 WNJ262174:WNM262174 WXF262174:WXI262174 AX327710:BA327710 KT327710:KW327710 UP327710:US327710 AEL327710:AEO327710 AOH327710:AOK327710 AYD327710:AYG327710 BHZ327710:BIC327710 BRV327710:BRY327710 CBR327710:CBU327710 CLN327710:CLQ327710 CVJ327710:CVM327710 DFF327710:DFI327710 DPB327710:DPE327710 DYX327710:DZA327710 EIT327710:EIW327710 ESP327710:ESS327710 FCL327710:FCO327710 FMH327710:FMK327710 FWD327710:FWG327710 GFZ327710:GGC327710 GPV327710:GPY327710 GZR327710:GZU327710 HJN327710:HJQ327710 HTJ327710:HTM327710 IDF327710:IDI327710 INB327710:INE327710 IWX327710:IXA327710 JGT327710:JGW327710 JQP327710:JQS327710 KAL327710:KAO327710 KKH327710:KKK327710 KUD327710:KUG327710 LDZ327710:LEC327710 LNV327710:LNY327710 LXR327710:LXU327710 MHN327710:MHQ327710 MRJ327710:MRM327710 NBF327710:NBI327710 NLB327710:NLE327710 NUX327710:NVA327710 OET327710:OEW327710 OOP327710:OOS327710 OYL327710:OYO327710 PIH327710:PIK327710 PSD327710:PSG327710 QBZ327710:QCC327710 QLV327710:QLY327710 QVR327710:QVU327710 RFN327710:RFQ327710 RPJ327710:RPM327710 RZF327710:RZI327710 SJB327710:SJE327710 SSX327710:STA327710 TCT327710:TCW327710 TMP327710:TMS327710 TWL327710:TWO327710 UGH327710:UGK327710 UQD327710:UQG327710 UZZ327710:VAC327710 VJV327710:VJY327710 VTR327710:VTU327710 WDN327710:WDQ327710 WNJ327710:WNM327710 WXF327710:WXI327710 AX393246:BA393246 KT393246:KW393246 UP393246:US393246 AEL393246:AEO393246 AOH393246:AOK393246 AYD393246:AYG393246 BHZ393246:BIC393246 BRV393246:BRY393246 CBR393246:CBU393246 CLN393246:CLQ393246 CVJ393246:CVM393246 DFF393246:DFI393246 DPB393246:DPE393246 DYX393246:DZA393246 EIT393246:EIW393246 ESP393246:ESS393246 FCL393246:FCO393246 FMH393246:FMK393246 FWD393246:FWG393246 GFZ393246:GGC393246 GPV393246:GPY393246 GZR393246:GZU393246 HJN393246:HJQ393246 HTJ393246:HTM393246 IDF393246:IDI393246 INB393246:INE393246 IWX393246:IXA393246 JGT393246:JGW393246 JQP393246:JQS393246 KAL393246:KAO393246 KKH393246:KKK393246 KUD393246:KUG393246 LDZ393246:LEC393246 LNV393246:LNY393246 LXR393246:LXU393246 MHN393246:MHQ393246 MRJ393246:MRM393246 NBF393246:NBI393246 NLB393246:NLE393246 NUX393246:NVA393246 OET393246:OEW393246 OOP393246:OOS393246 OYL393246:OYO393246 PIH393246:PIK393246 PSD393246:PSG393246 QBZ393246:QCC393246 QLV393246:QLY393246 QVR393246:QVU393246 RFN393246:RFQ393246 RPJ393246:RPM393246 RZF393246:RZI393246 SJB393246:SJE393246 SSX393246:STA393246 TCT393246:TCW393246 TMP393246:TMS393246 TWL393246:TWO393246 UGH393246:UGK393246 UQD393246:UQG393246 UZZ393246:VAC393246 VJV393246:VJY393246 VTR393246:VTU393246 WDN393246:WDQ393246 WNJ393246:WNM393246 WXF393246:WXI393246 AX458782:BA458782 KT458782:KW458782 UP458782:US458782 AEL458782:AEO458782 AOH458782:AOK458782 AYD458782:AYG458782 BHZ458782:BIC458782 BRV458782:BRY458782 CBR458782:CBU458782 CLN458782:CLQ458782 CVJ458782:CVM458782 DFF458782:DFI458782 DPB458782:DPE458782 DYX458782:DZA458782 EIT458782:EIW458782 ESP458782:ESS458782 FCL458782:FCO458782 FMH458782:FMK458782 FWD458782:FWG458782 GFZ458782:GGC458782 GPV458782:GPY458782 GZR458782:GZU458782 HJN458782:HJQ458782 HTJ458782:HTM458782 IDF458782:IDI458782 INB458782:INE458782 IWX458782:IXA458782 JGT458782:JGW458782 JQP458782:JQS458782 KAL458782:KAO458782 KKH458782:KKK458782 KUD458782:KUG458782 LDZ458782:LEC458782 LNV458782:LNY458782 LXR458782:LXU458782 MHN458782:MHQ458782 MRJ458782:MRM458782 NBF458782:NBI458782 NLB458782:NLE458782 NUX458782:NVA458782 OET458782:OEW458782 OOP458782:OOS458782 OYL458782:OYO458782 PIH458782:PIK458782 PSD458782:PSG458782 QBZ458782:QCC458782 QLV458782:QLY458782 QVR458782:QVU458782 RFN458782:RFQ458782 RPJ458782:RPM458782 RZF458782:RZI458782 SJB458782:SJE458782 SSX458782:STA458782 TCT458782:TCW458782 TMP458782:TMS458782 TWL458782:TWO458782 UGH458782:UGK458782 UQD458782:UQG458782 UZZ458782:VAC458782 VJV458782:VJY458782 VTR458782:VTU458782 WDN458782:WDQ458782 WNJ458782:WNM458782 WXF458782:WXI458782 AX524318:BA524318 KT524318:KW524318 UP524318:US524318 AEL524318:AEO524318 AOH524318:AOK524318 AYD524318:AYG524318 BHZ524318:BIC524318 BRV524318:BRY524318 CBR524318:CBU524318 CLN524318:CLQ524318 CVJ524318:CVM524318 DFF524318:DFI524318 DPB524318:DPE524318 DYX524318:DZA524318 EIT524318:EIW524318 ESP524318:ESS524318 FCL524318:FCO524318 FMH524318:FMK524318 FWD524318:FWG524318 GFZ524318:GGC524318 GPV524318:GPY524318 GZR524318:GZU524318 HJN524318:HJQ524318 HTJ524318:HTM524318 IDF524318:IDI524318 INB524318:INE524318 IWX524318:IXA524318 JGT524318:JGW524318 JQP524318:JQS524318 KAL524318:KAO524318 KKH524318:KKK524318 KUD524318:KUG524318 LDZ524318:LEC524318 LNV524318:LNY524318 LXR524318:LXU524318 MHN524318:MHQ524318 MRJ524318:MRM524318 NBF524318:NBI524318 NLB524318:NLE524318 NUX524318:NVA524318 OET524318:OEW524318 OOP524318:OOS524318 OYL524318:OYO524318 PIH524318:PIK524318 PSD524318:PSG524318 QBZ524318:QCC524318 QLV524318:QLY524318 QVR524318:QVU524318 RFN524318:RFQ524318 RPJ524318:RPM524318 RZF524318:RZI524318 SJB524318:SJE524318 SSX524318:STA524318 TCT524318:TCW524318 TMP524318:TMS524318 TWL524318:TWO524318 UGH524318:UGK524318 UQD524318:UQG524318 UZZ524318:VAC524318 VJV524318:VJY524318 VTR524318:VTU524318 WDN524318:WDQ524318 WNJ524318:WNM524318 WXF524318:WXI524318 AX589854:BA589854 KT589854:KW589854 UP589854:US589854 AEL589854:AEO589854 AOH589854:AOK589854 AYD589854:AYG589854 BHZ589854:BIC589854 BRV589854:BRY589854 CBR589854:CBU589854 CLN589854:CLQ589854 CVJ589854:CVM589854 DFF589854:DFI589854 DPB589854:DPE589854 DYX589854:DZA589854 EIT589854:EIW589854 ESP589854:ESS589854 FCL589854:FCO589854 FMH589854:FMK589854 FWD589854:FWG589854 GFZ589854:GGC589854 GPV589854:GPY589854 GZR589854:GZU589854 HJN589854:HJQ589854 HTJ589854:HTM589854 IDF589854:IDI589854 INB589854:INE589854 IWX589854:IXA589854 JGT589854:JGW589854 JQP589854:JQS589854 KAL589854:KAO589854 KKH589854:KKK589854 KUD589854:KUG589854 LDZ589854:LEC589854 LNV589854:LNY589854 LXR589854:LXU589854 MHN589854:MHQ589854 MRJ589854:MRM589854 NBF589854:NBI589854 NLB589854:NLE589854 NUX589854:NVA589854 OET589854:OEW589854 OOP589854:OOS589854 OYL589854:OYO589854 PIH589854:PIK589854 PSD589854:PSG589854 QBZ589854:QCC589854 QLV589854:QLY589854 QVR589854:QVU589854 RFN589854:RFQ589854 RPJ589854:RPM589854 RZF589854:RZI589854 SJB589854:SJE589854 SSX589854:STA589854 TCT589854:TCW589854 TMP589854:TMS589854 TWL589854:TWO589854 UGH589854:UGK589854 UQD589854:UQG589854 UZZ589854:VAC589854 VJV589854:VJY589854 VTR589854:VTU589854 WDN589854:WDQ589854 WNJ589854:WNM589854 WXF589854:WXI589854 AX655390:BA655390 KT655390:KW655390 UP655390:US655390 AEL655390:AEO655390 AOH655390:AOK655390 AYD655390:AYG655390 BHZ655390:BIC655390 BRV655390:BRY655390 CBR655390:CBU655390 CLN655390:CLQ655390 CVJ655390:CVM655390 DFF655390:DFI655390 DPB655390:DPE655390 DYX655390:DZA655390 EIT655390:EIW655390 ESP655390:ESS655390 FCL655390:FCO655390 FMH655390:FMK655390 FWD655390:FWG655390 GFZ655390:GGC655390 GPV655390:GPY655390 GZR655390:GZU655390 HJN655390:HJQ655390 HTJ655390:HTM655390 IDF655390:IDI655390 INB655390:INE655390 IWX655390:IXA655390 JGT655390:JGW655390 JQP655390:JQS655390 KAL655390:KAO655390 KKH655390:KKK655390 KUD655390:KUG655390 LDZ655390:LEC655390 LNV655390:LNY655390 LXR655390:LXU655390 MHN655390:MHQ655390 MRJ655390:MRM655390 NBF655390:NBI655390 NLB655390:NLE655390 NUX655390:NVA655390 OET655390:OEW655390 OOP655390:OOS655390 OYL655390:OYO655390 PIH655390:PIK655390 PSD655390:PSG655390 QBZ655390:QCC655390 QLV655390:QLY655390 QVR655390:QVU655390 RFN655390:RFQ655390 RPJ655390:RPM655390 RZF655390:RZI655390 SJB655390:SJE655390 SSX655390:STA655390 TCT655390:TCW655390 TMP655390:TMS655390 TWL655390:TWO655390 UGH655390:UGK655390 UQD655390:UQG655390 UZZ655390:VAC655390 VJV655390:VJY655390 VTR655390:VTU655390 WDN655390:WDQ655390 WNJ655390:WNM655390 WXF655390:WXI655390 AX720926:BA720926 KT720926:KW720926 UP720926:US720926 AEL720926:AEO720926 AOH720926:AOK720926 AYD720926:AYG720926 BHZ720926:BIC720926 BRV720926:BRY720926 CBR720926:CBU720926 CLN720926:CLQ720926 CVJ720926:CVM720926 DFF720926:DFI720926 DPB720926:DPE720926 DYX720926:DZA720926 EIT720926:EIW720926 ESP720926:ESS720926 FCL720926:FCO720926 FMH720926:FMK720926 FWD720926:FWG720926 GFZ720926:GGC720926 GPV720926:GPY720926 GZR720926:GZU720926 HJN720926:HJQ720926 HTJ720926:HTM720926 IDF720926:IDI720926 INB720926:INE720926 IWX720926:IXA720926 JGT720926:JGW720926 JQP720926:JQS720926 KAL720926:KAO720926 KKH720926:KKK720926 KUD720926:KUG720926 LDZ720926:LEC720926 LNV720926:LNY720926 LXR720926:LXU720926 MHN720926:MHQ720926 MRJ720926:MRM720926 NBF720926:NBI720926 NLB720926:NLE720926 NUX720926:NVA720926 OET720926:OEW720926 OOP720926:OOS720926 OYL720926:OYO720926 PIH720926:PIK720926 PSD720926:PSG720926 QBZ720926:QCC720926 QLV720926:QLY720926 QVR720926:QVU720926 RFN720926:RFQ720926 RPJ720926:RPM720926 RZF720926:RZI720926 SJB720926:SJE720926 SSX720926:STA720926 TCT720926:TCW720926 TMP720926:TMS720926 TWL720926:TWO720926 UGH720926:UGK720926 UQD720926:UQG720926 UZZ720926:VAC720926 VJV720926:VJY720926 VTR720926:VTU720926 WDN720926:WDQ720926 WNJ720926:WNM720926 WXF720926:WXI720926 AX786462:BA786462 KT786462:KW786462 UP786462:US786462 AEL786462:AEO786462 AOH786462:AOK786462 AYD786462:AYG786462 BHZ786462:BIC786462 BRV786462:BRY786462 CBR786462:CBU786462 CLN786462:CLQ786462 CVJ786462:CVM786462 DFF786462:DFI786462 DPB786462:DPE786462 DYX786462:DZA786462 EIT786462:EIW786462 ESP786462:ESS786462 FCL786462:FCO786462 FMH786462:FMK786462 FWD786462:FWG786462 GFZ786462:GGC786462 GPV786462:GPY786462 GZR786462:GZU786462 HJN786462:HJQ786462 HTJ786462:HTM786462 IDF786462:IDI786462 INB786462:INE786462 IWX786462:IXA786462 JGT786462:JGW786462 JQP786462:JQS786462 KAL786462:KAO786462 KKH786462:KKK786462 KUD786462:KUG786462 LDZ786462:LEC786462 LNV786462:LNY786462 LXR786462:LXU786462 MHN786462:MHQ786462 MRJ786462:MRM786462 NBF786462:NBI786462 NLB786462:NLE786462 NUX786462:NVA786462 OET786462:OEW786462 OOP786462:OOS786462 OYL786462:OYO786462 PIH786462:PIK786462 PSD786462:PSG786462 QBZ786462:QCC786462 QLV786462:QLY786462 QVR786462:QVU786462 RFN786462:RFQ786462 RPJ786462:RPM786462 RZF786462:RZI786462 SJB786462:SJE786462 SSX786462:STA786462 TCT786462:TCW786462 TMP786462:TMS786462 TWL786462:TWO786462 UGH786462:UGK786462 UQD786462:UQG786462 UZZ786462:VAC786462 VJV786462:VJY786462 VTR786462:VTU786462 WDN786462:WDQ786462 WNJ786462:WNM786462 WXF786462:WXI786462 AX851998:BA851998 KT851998:KW851998 UP851998:US851998 AEL851998:AEO851998 AOH851998:AOK851998 AYD851998:AYG851998 BHZ851998:BIC851998 BRV851998:BRY851998 CBR851998:CBU851998 CLN851998:CLQ851998 CVJ851998:CVM851998 DFF851998:DFI851998 DPB851998:DPE851998 DYX851998:DZA851998 EIT851998:EIW851998 ESP851998:ESS851998 FCL851998:FCO851998 FMH851998:FMK851998 FWD851998:FWG851998 GFZ851998:GGC851998 GPV851998:GPY851998 GZR851998:GZU851998 HJN851998:HJQ851998 HTJ851998:HTM851998 IDF851998:IDI851998 INB851998:INE851998 IWX851998:IXA851998 JGT851998:JGW851998 JQP851998:JQS851998 KAL851998:KAO851998 KKH851998:KKK851998 KUD851998:KUG851998 LDZ851998:LEC851998 LNV851998:LNY851998 LXR851998:LXU851998 MHN851998:MHQ851998 MRJ851998:MRM851998 NBF851998:NBI851998 NLB851998:NLE851998 NUX851998:NVA851998 OET851998:OEW851998 OOP851998:OOS851998 OYL851998:OYO851998 PIH851998:PIK851998 PSD851998:PSG851998 QBZ851998:QCC851998 QLV851998:QLY851998 QVR851998:QVU851998 RFN851998:RFQ851998 RPJ851998:RPM851998 RZF851998:RZI851998 SJB851998:SJE851998 SSX851998:STA851998 TCT851998:TCW851998 TMP851998:TMS851998 TWL851998:TWO851998 UGH851998:UGK851998 UQD851998:UQG851998 UZZ851998:VAC851998 VJV851998:VJY851998 VTR851998:VTU851998 WDN851998:WDQ851998 WNJ851998:WNM851998 WXF851998:WXI851998 AX917534:BA917534 KT917534:KW917534 UP917534:US917534 AEL917534:AEO917534 AOH917534:AOK917534 AYD917534:AYG917534 BHZ917534:BIC917534 BRV917534:BRY917534 CBR917534:CBU917534 CLN917534:CLQ917534 CVJ917534:CVM917534 DFF917534:DFI917534 DPB917534:DPE917534 DYX917534:DZA917534 EIT917534:EIW917534 ESP917534:ESS917534 FCL917534:FCO917534 FMH917534:FMK917534 FWD917534:FWG917534 GFZ917534:GGC917534 GPV917534:GPY917534 GZR917534:GZU917534 HJN917534:HJQ917534 HTJ917534:HTM917534 IDF917534:IDI917534 INB917534:INE917534 IWX917534:IXA917534 JGT917534:JGW917534 JQP917534:JQS917534 KAL917534:KAO917534 KKH917534:KKK917534 KUD917534:KUG917534 LDZ917534:LEC917534 LNV917534:LNY917534 LXR917534:LXU917534 MHN917534:MHQ917534 MRJ917534:MRM917534 NBF917534:NBI917534 NLB917534:NLE917534 NUX917534:NVA917534 OET917534:OEW917534 OOP917534:OOS917534 OYL917534:OYO917534 PIH917534:PIK917534 PSD917534:PSG917534 QBZ917534:QCC917534 QLV917534:QLY917534 QVR917534:QVU917534 RFN917534:RFQ917534 RPJ917534:RPM917534 RZF917534:RZI917534 SJB917534:SJE917534 SSX917534:STA917534 TCT917534:TCW917534 TMP917534:TMS917534 TWL917534:TWO917534 UGH917534:UGK917534 UQD917534:UQG917534 UZZ917534:VAC917534 VJV917534:VJY917534 VTR917534:VTU917534 WDN917534:WDQ917534 WNJ917534:WNM917534 WXF917534:WXI917534 AX983070:BA983070 KT983070:KW983070 UP983070:US983070 AEL983070:AEO983070 AOH983070:AOK983070 AYD983070:AYG983070 BHZ983070:BIC983070 BRV983070:BRY983070 CBR983070:CBU983070 CLN983070:CLQ983070 CVJ983070:CVM983070 DFF983070:DFI983070 DPB983070:DPE983070 DYX983070:DZA983070 EIT983070:EIW983070 ESP983070:ESS983070 FCL983070:FCO983070 FMH983070:FMK983070 FWD983070:FWG983070 GFZ983070:GGC983070 GPV983070:GPY983070 GZR983070:GZU983070 HJN983070:HJQ983070 HTJ983070:HTM983070 IDF983070:IDI983070 INB983070:INE983070 IWX983070:IXA983070 JGT983070:JGW983070 JQP983070:JQS983070 KAL983070:KAO983070 KKH983070:KKK983070 KUD983070:KUG983070 LDZ983070:LEC983070 LNV983070:LNY983070 LXR983070:LXU983070 MHN983070:MHQ983070 MRJ983070:MRM983070 NBF983070:NBI983070 NLB983070:NLE983070 NUX983070:NVA983070 OET983070:OEW983070 OOP983070:OOS983070 OYL983070:OYO983070 PIH983070:PIK983070 PSD983070:PSG983070 QBZ983070:QCC983070 QLV983070:QLY983070 QVR983070:QVU983070 RFN983070:RFQ983070 RPJ983070:RPM983070 RZF983070:RZI983070 SJB983070:SJE983070 SSX983070:STA983070 TCT983070:TCW983070 TMP983070:TMS983070 TWL983070:TWO983070 UGH983070:UGK983070 UQD983070:UQG983070 UZZ983070:VAC983070 VJV983070:VJY983070 VTR983070:VTU983070 WDN983070:WDQ983070 WNJ983070:WNM983070 WXF983070:WXI983070 BC29:BF29 KY29:LB29 UU29:UX29 AEQ29:AET29 AOM29:AOP29 AYI29:AYL29 BIE29:BIH29 BSA29:BSD29 CBW29:CBZ29 CLS29:CLV29 CVO29:CVR29 DFK29:DFN29 DPG29:DPJ29 DZC29:DZF29 EIY29:EJB29 ESU29:ESX29 FCQ29:FCT29 FMM29:FMP29 FWI29:FWL29 GGE29:GGH29 GQA29:GQD29 GZW29:GZZ29 HJS29:HJV29 HTO29:HTR29 IDK29:IDN29 ING29:INJ29 IXC29:IXF29 JGY29:JHB29 JQU29:JQX29 KAQ29:KAT29 KKM29:KKP29 KUI29:KUL29 LEE29:LEH29 LOA29:LOD29 LXW29:LXZ29 MHS29:MHV29 MRO29:MRR29 NBK29:NBN29 NLG29:NLJ29 NVC29:NVF29 OEY29:OFB29 OOU29:OOX29 OYQ29:OYT29 PIM29:PIP29 PSI29:PSL29 QCE29:QCH29 QMA29:QMD29 QVW29:QVZ29 RFS29:RFV29 RPO29:RPR29 RZK29:RZN29 SJG29:SJJ29 STC29:STF29 TCY29:TDB29 TMU29:TMX29 TWQ29:TWT29 UGM29:UGP29 UQI29:UQL29 VAE29:VAH29 VKA29:VKD29 VTW29:VTZ29 WDS29:WDV29 WNO29:WNR29 WXK29:WXN29 BC65566:BF65566 KY65566:LB65566 UU65566:UX65566 AEQ65566:AET65566 AOM65566:AOP65566 AYI65566:AYL65566 BIE65566:BIH65566 BSA65566:BSD65566 CBW65566:CBZ65566 CLS65566:CLV65566 CVO65566:CVR65566 DFK65566:DFN65566 DPG65566:DPJ65566 DZC65566:DZF65566 EIY65566:EJB65566 ESU65566:ESX65566 FCQ65566:FCT65566 FMM65566:FMP65566 FWI65566:FWL65566 GGE65566:GGH65566 GQA65566:GQD65566 GZW65566:GZZ65566 HJS65566:HJV65566 HTO65566:HTR65566 IDK65566:IDN65566 ING65566:INJ65566 IXC65566:IXF65566 JGY65566:JHB65566 JQU65566:JQX65566 KAQ65566:KAT65566 KKM65566:KKP65566 KUI65566:KUL65566 LEE65566:LEH65566 LOA65566:LOD65566 LXW65566:LXZ65566 MHS65566:MHV65566 MRO65566:MRR65566 NBK65566:NBN65566 NLG65566:NLJ65566 NVC65566:NVF65566 OEY65566:OFB65566 OOU65566:OOX65566 OYQ65566:OYT65566 PIM65566:PIP65566 PSI65566:PSL65566 QCE65566:QCH65566 QMA65566:QMD65566 QVW65566:QVZ65566 RFS65566:RFV65566 RPO65566:RPR65566 RZK65566:RZN65566 SJG65566:SJJ65566 STC65566:STF65566 TCY65566:TDB65566 TMU65566:TMX65566 TWQ65566:TWT65566 UGM65566:UGP65566 UQI65566:UQL65566 VAE65566:VAH65566 VKA65566:VKD65566 VTW65566:VTZ65566 WDS65566:WDV65566 WNO65566:WNR65566 WXK65566:WXN65566 BC131102:BF131102 KY131102:LB131102 UU131102:UX131102 AEQ131102:AET131102 AOM131102:AOP131102 AYI131102:AYL131102 BIE131102:BIH131102 BSA131102:BSD131102 CBW131102:CBZ131102 CLS131102:CLV131102 CVO131102:CVR131102 DFK131102:DFN131102 DPG131102:DPJ131102 DZC131102:DZF131102 EIY131102:EJB131102 ESU131102:ESX131102 FCQ131102:FCT131102 FMM131102:FMP131102 FWI131102:FWL131102 GGE131102:GGH131102 GQA131102:GQD131102 GZW131102:GZZ131102 HJS131102:HJV131102 HTO131102:HTR131102 IDK131102:IDN131102 ING131102:INJ131102 IXC131102:IXF131102 JGY131102:JHB131102 JQU131102:JQX131102 KAQ131102:KAT131102 KKM131102:KKP131102 KUI131102:KUL131102 LEE131102:LEH131102 LOA131102:LOD131102 LXW131102:LXZ131102 MHS131102:MHV131102 MRO131102:MRR131102 NBK131102:NBN131102 NLG131102:NLJ131102 NVC131102:NVF131102 OEY131102:OFB131102 OOU131102:OOX131102 OYQ131102:OYT131102 PIM131102:PIP131102 PSI131102:PSL131102 QCE131102:QCH131102 QMA131102:QMD131102 QVW131102:QVZ131102 RFS131102:RFV131102 RPO131102:RPR131102 RZK131102:RZN131102 SJG131102:SJJ131102 STC131102:STF131102 TCY131102:TDB131102 TMU131102:TMX131102 TWQ131102:TWT131102 UGM131102:UGP131102 UQI131102:UQL131102 VAE131102:VAH131102 VKA131102:VKD131102 VTW131102:VTZ131102 WDS131102:WDV131102 WNO131102:WNR131102 WXK131102:WXN131102 BC196638:BF196638 KY196638:LB196638 UU196638:UX196638 AEQ196638:AET196638 AOM196638:AOP196638 AYI196638:AYL196638 BIE196638:BIH196638 BSA196638:BSD196638 CBW196638:CBZ196638 CLS196638:CLV196638 CVO196638:CVR196638 DFK196638:DFN196638 DPG196638:DPJ196638 DZC196638:DZF196638 EIY196638:EJB196638 ESU196638:ESX196638 FCQ196638:FCT196638 FMM196638:FMP196638 FWI196638:FWL196638 GGE196638:GGH196638 GQA196638:GQD196638 GZW196638:GZZ196638 HJS196638:HJV196638 HTO196638:HTR196638 IDK196638:IDN196638 ING196638:INJ196638 IXC196638:IXF196638 JGY196638:JHB196638 JQU196638:JQX196638 KAQ196638:KAT196638 KKM196638:KKP196638 KUI196638:KUL196638 LEE196638:LEH196638 LOA196638:LOD196638 LXW196638:LXZ196638 MHS196638:MHV196638 MRO196638:MRR196638 NBK196638:NBN196638 NLG196638:NLJ196638 NVC196638:NVF196638 OEY196638:OFB196638 OOU196638:OOX196638 OYQ196638:OYT196638 PIM196638:PIP196638 PSI196638:PSL196638 QCE196638:QCH196638 QMA196638:QMD196638 QVW196638:QVZ196638 RFS196638:RFV196638 RPO196638:RPR196638 RZK196638:RZN196638 SJG196638:SJJ196638 STC196638:STF196638 TCY196638:TDB196638 TMU196638:TMX196638 TWQ196638:TWT196638 UGM196638:UGP196638 UQI196638:UQL196638 VAE196638:VAH196638 VKA196638:VKD196638 VTW196638:VTZ196638 WDS196638:WDV196638 WNO196638:WNR196638 WXK196638:WXN196638 BC262174:BF262174 KY262174:LB262174 UU262174:UX262174 AEQ262174:AET262174 AOM262174:AOP262174 AYI262174:AYL262174 BIE262174:BIH262174 BSA262174:BSD262174 CBW262174:CBZ262174 CLS262174:CLV262174 CVO262174:CVR262174 DFK262174:DFN262174 DPG262174:DPJ262174 DZC262174:DZF262174 EIY262174:EJB262174 ESU262174:ESX262174 FCQ262174:FCT262174 FMM262174:FMP262174 FWI262174:FWL262174 GGE262174:GGH262174 GQA262174:GQD262174 GZW262174:GZZ262174 HJS262174:HJV262174 HTO262174:HTR262174 IDK262174:IDN262174 ING262174:INJ262174 IXC262174:IXF262174 JGY262174:JHB262174 JQU262174:JQX262174 KAQ262174:KAT262174 KKM262174:KKP262174 KUI262174:KUL262174 LEE262174:LEH262174 LOA262174:LOD262174 LXW262174:LXZ262174 MHS262174:MHV262174 MRO262174:MRR262174 NBK262174:NBN262174 NLG262174:NLJ262174 NVC262174:NVF262174 OEY262174:OFB262174 OOU262174:OOX262174 OYQ262174:OYT262174 PIM262174:PIP262174 PSI262174:PSL262174 QCE262174:QCH262174 QMA262174:QMD262174 QVW262174:QVZ262174 RFS262174:RFV262174 RPO262174:RPR262174 RZK262174:RZN262174 SJG262174:SJJ262174 STC262174:STF262174 TCY262174:TDB262174 TMU262174:TMX262174 TWQ262174:TWT262174 UGM262174:UGP262174 UQI262174:UQL262174 VAE262174:VAH262174 VKA262174:VKD262174 VTW262174:VTZ262174 WDS262174:WDV262174 WNO262174:WNR262174 WXK262174:WXN262174 BC327710:BF327710 KY327710:LB327710 UU327710:UX327710 AEQ327710:AET327710 AOM327710:AOP327710 AYI327710:AYL327710 BIE327710:BIH327710 BSA327710:BSD327710 CBW327710:CBZ327710 CLS327710:CLV327710 CVO327710:CVR327710 DFK327710:DFN327710 DPG327710:DPJ327710 DZC327710:DZF327710 EIY327710:EJB327710 ESU327710:ESX327710 FCQ327710:FCT327710 FMM327710:FMP327710 FWI327710:FWL327710 GGE327710:GGH327710 GQA327710:GQD327710 GZW327710:GZZ327710 HJS327710:HJV327710 HTO327710:HTR327710 IDK327710:IDN327710 ING327710:INJ327710 IXC327710:IXF327710 JGY327710:JHB327710 JQU327710:JQX327710 KAQ327710:KAT327710 KKM327710:KKP327710 KUI327710:KUL327710 LEE327710:LEH327710 LOA327710:LOD327710 LXW327710:LXZ327710 MHS327710:MHV327710 MRO327710:MRR327710 NBK327710:NBN327710 NLG327710:NLJ327710 NVC327710:NVF327710 OEY327710:OFB327710 OOU327710:OOX327710 OYQ327710:OYT327710 PIM327710:PIP327710 PSI327710:PSL327710 QCE327710:QCH327710 QMA327710:QMD327710 QVW327710:QVZ327710 RFS327710:RFV327710 RPO327710:RPR327710 RZK327710:RZN327710 SJG327710:SJJ327710 STC327710:STF327710 TCY327710:TDB327710 TMU327710:TMX327710 TWQ327710:TWT327710 UGM327710:UGP327710 UQI327710:UQL327710 VAE327710:VAH327710 VKA327710:VKD327710 VTW327710:VTZ327710 WDS327710:WDV327710 WNO327710:WNR327710 WXK327710:WXN327710 BC393246:BF393246 KY393246:LB393246 UU393246:UX393246 AEQ393246:AET393246 AOM393246:AOP393246 AYI393246:AYL393246 BIE393246:BIH393246 BSA393246:BSD393246 CBW393246:CBZ393246 CLS393246:CLV393246 CVO393246:CVR393246 DFK393246:DFN393246 DPG393246:DPJ393246 DZC393246:DZF393246 EIY393246:EJB393246 ESU393246:ESX393246 FCQ393246:FCT393246 FMM393246:FMP393246 FWI393246:FWL393246 GGE393246:GGH393246 GQA393246:GQD393246 GZW393246:GZZ393246 HJS393246:HJV393246 HTO393246:HTR393246 IDK393246:IDN393246 ING393246:INJ393246 IXC393246:IXF393246 JGY393246:JHB393246 JQU393246:JQX393246 KAQ393246:KAT393246 KKM393246:KKP393246 KUI393246:KUL393246 LEE393246:LEH393246 LOA393246:LOD393246 LXW393246:LXZ393246 MHS393246:MHV393246 MRO393246:MRR393246 NBK393246:NBN393246 NLG393246:NLJ393246 NVC393246:NVF393246 OEY393246:OFB393246 OOU393246:OOX393246 OYQ393246:OYT393246 PIM393246:PIP393246 PSI393246:PSL393246 QCE393246:QCH393246 QMA393246:QMD393246 QVW393246:QVZ393246 RFS393246:RFV393246 RPO393246:RPR393246 RZK393246:RZN393246 SJG393246:SJJ393246 STC393246:STF393246 TCY393246:TDB393246 TMU393246:TMX393246 TWQ393246:TWT393246 UGM393246:UGP393246 UQI393246:UQL393246 VAE393246:VAH393246 VKA393246:VKD393246 VTW393246:VTZ393246 WDS393246:WDV393246 WNO393246:WNR393246 WXK393246:WXN393246 BC458782:BF458782 KY458782:LB458782 UU458782:UX458782 AEQ458782:AET458782 AOM458782:AOP458782 AYI458782:AYL458782 BIE458782:BIH458782 BSA458782:BSD458782 CBW458782:CBZ458782 CLS458782:CLV458782 CVO458782:CVR458782 DFK458782:DFN458782 DPG458782:DPJ458782 DZC458782:DZF458782 EIY458782:EJB458782 ESU458782:ESX458782 FCQ458782:FCT458782 FMM458782:FMP458782 FWI458782:FWL458782 GGE458782:GGH458782 GQA458782:GQD458782 GZW458782:GZZ458782 HJS458782:HJV458782 HTO458782:HTR458782 IDK458782:IDN458782 ING458782:INJ458782 IXC458782:IXF458782 JGY458782:JHB458782 JQU458782:JQX458782 KAQ458782:KAT458782 KKM458782:KKP458782 KUI458782:KUL458782 LEE458782:LEH458782 LOA458782:LOD458782 LXW458782:LXZ458782 MHS458782:MHV458782 MRO458782:MRR458782 NBK458782:NBN458782 NLG458782:NLJ458782 NVC458782:NVF458782 OEY458782:OFB458782 OOU458782:OOX458782 OYQ458782:OYT458782 PIM458782:PIP458782 PSI458782:PSL458782 QCE458782:QCH458782 QMA458782:QMD458782 QVW458782:QVZ458782 RFS458782:RFV458782 RPO458782:RPR458782 RZK458782:RZN458782 SJG458782:SJJ458782 STC458782:STF458782 TCY458782:TDB458782 TMU458782:TMX458782 TWQ458782:TWT458782 UGM458782:UGP458782 UQI458782:UQL458782 VAE458782:VAH458782 VKA458782:VKD458782 VTW458782:VTZ458782 WDS458782:WDV458782 WNO458782:WNR458782 WXK458782:WXN458782 BC524318:BF524318 KY524318:LB524318 UU524318:UX524318 AEQ524318:AET524318 AOM524318:AOP524318 AYI524318:AYL524318 BIE524318:BIH524318 BSA524318:BSD524318 CBW524318:CBZ524318 CLS524318:CLV524318 CVO524318:CVR524318 DFK524318:DFN524318 DPG524318:DPJ524318 DZC524318:DZF524318 EIY524318:EJB524318 ESU524318:ESX524318 FCQ524318:FCT524318 FMM524318:FMP524318 FWI524318:FWL524318 GGE524318:GGH524318 GQA524318:GQD524318 GZW524318:GZZ524318 HJS524318:HJV524318 HTO524318:HTR524318 IDK524318:IDN524318 ING524318:INJ524318 IXC524318:IXF524318 JGY524318:JHB524318 JQU524318:JQX524318 KAQ524318:KAT524318 KKM524318:KKP524318 KUI524318:KUL524318 LEE524318:LEH524318 LOA524318:LOD524318 LXW524318:LXZ524318 MHS524318:MHV524318 MRO524318:MRR524318 NBK524318:NBN524318 NLG524318:NLJ524318 NVC524318:NVF524318 OEY524318:OFB524318 OOU524318:OOX524318 OYQ524318:OYT524318 PIM524318:PIP524318 PSI524318:PSL524318 QCE524318:QCH524318 QMA524318:QMD524318 QVW524318:QVZ524318 RFS524318:RFV524318 RPO524318:RPR524318 RZK524318:RZN524318 SJG524318:SJJ524318 STC524318:STF524318 TCY524318:TDB524318 TMU524318:TMX524318 TWQ524318:TWT524318 UGM524318:UGP524318 UQI524318:UQL524318 VAE524318:VAH524318 VKA524318:VKD524318 VTW524318:VTZ524318 WDS524318:WDV524318 WNO524318:WNR524318 WXK524318:WXN524318 BC589854:BF589854 KY589854:LB589854 UU589854:UX589854 AEQ589854:AET589854 AOM589854:AOP589854 AYI589854:AYL589854 BIE589854:BIH589854 BSA589854:BSD589854 CBW589854:CBZ589854 CLS589854:CLV589854 CVO589854:CVR589854 DFK589854:DFN589854 DPG589854:DPJ589854 DZC589854:DZF589854 EIY589854:EJB589854 ESU589854:ESX589854 FCQ589854:FCT589854 FMM589854:FMP589854 FWI589854:FWL589854 GGE589854:GGH589854 GQA589854:GQD589854 GZW589854:GZZ589854 HJS589854:HJV589854 HTO589854:HTR589854 IDK589854:IDN589854 ING589854:INJ589854 IXC589854:IXF589854 JGY589854:JHB589854 JQU589854:JQX589854 KAQ589854:KAT589854 KKM589854:KKP589854 KUI589854:KUL589854 LEE589854:LEH589854 LOA589854:LOD589854 LXW589854:LXZ589854 MHS589854:MHV589854 MRO589854:MRR589854 NBK589854:NBN589854 NLG589854:NLJ589854 NVC589854:NVF589854 OEY589854:OFB589854 OOU589854:OOX589854 OYQ589854:OYT589854 PIM589854:PIP589854 PSI589854:PSL589854 QCE589854:QCH589854 QMA589854:QMD589854 QVW589854:QVZ589854 RFS589854:RFV589854 RPO589854:RPR589854 RZK589854:RZN589854 SJG589854:SJJ589854 STC589854:STF589854 TCY589854:TDB589854 TMU589854:TMX589854 TWQ589854:TWT589854 UGM589854:UGP589854 UQI589854:UQL589854 VAE589854:VAH589854 VKA589854:VKD589854 VTW589854:VTZ589854 WDS589854:WDV589854 WNO589854:WNR589854 WXK589854:WXN589854 BC655390:BF655390 KY655390:LB655390 UU655390:UX655390 AEQ655390:AET655390 AOM655390:AOP655390 AYI655390:AYL655390 BIE655390:BIH655390 BSA655390:BSD655390 CBW655390:CBZ655390 CLS655390:CLV655390 CVO655390:CVR655390 DFK655390:DFN655390 DPG655390:DPJ655390 DZC655390:DZF655390 EIY655390:EJB655390 ESU655390:ESX655390 FCQ655390:FCT655390 FMM655390:FMP655390 FWI655390:FWL655390 GGE655390:GGH655390 GQA655390:GQD655390 GZW655390:GZZ655390 HJS655390:HJV655390 HTO655390:HTR655390 IDK655390:IDN655390 ING655390:INJ655390 IXC655390:IXF655390 JGY655390:JHB655390 JQU655390:JQX655390 KAQ655390:KAT655390 KKM655390:KKP655390 KUI655390:KUL655390 LEE655390:LEH655390 LOA655390:LOD655390 LXW655390:LXZ655390 MHS655390:MHV655390 MRO655390:MRR655390 NBK655390:NBN655390 NLG655390:NLJ655390 NVC655390:NVF655390 OEY655390:OFB655390 OOU655390:OOX655390 OYQ655390:OYT655390 PIM655390:PIP655390 PSI655390:PSL655390 QCE655390:QCH655390 QMA655390:QMD655390 QVW655390:QVZ655390 RFS655390:RFV655390 RPO655390:RPR655390 RZK655390:RZN655390 SJG655390:SJJ655390 STC655390:STF655390 TCY655390:TDB655390 TMU655390:TMX655390 TWQ655390:TWT655390 UGM655390:UGP655390 UQI655390:UQL655390 VAE655390:VAH655390 VKA655390:VKD655390 VTW655390:VTZ655390 WDS655390:WDV655390 WNO655390:WNR655390 WXK655390:WXN655390 BC720926:BF720926 KY720926:LB720926 UU720926:UX720926 AEQ720926:AET720926 AOM720926:AOP720926 AYI720926:AYL720926 BIE720926:BIH720926 BSA720926:BSD720926 CBW720926:CBZ720926 CLS720926:CLV720926 CVO720926:CVR720926 DFK720926:DFN720926 DPG720926:DPJ720926 DZC720926:DZF720926 EIY720926:EJB720926 ESU720926:ESX720926 FCQ720926:FCT720926 FMM720926:FMP720926 FWI720926:FWL720926 GGE720926:GGH720926 GQA720926:GQD720926 GZW720926:GZZ720926 HJS720926:HJV720926 HTO720926:HTR720926 IDK720926:IDN720926 ING720926:INJ720926 IXC720926:IXF720926 JGY720926:JHB720926 JQU720926:JQX720926 KAQ720926:KAT720926 KKM720926:KKP720926 KUI720926:KUL720926 LEE720926:LEH720926 LOA720926:LOD720926 LXW720926:LXZ720926 MHS720926:MHV720926 MRO720926:MRR720926 NBK720926:NBN720926 NLG720926:NLJ720926 NVC720926:NVF720926 OEY720926:OFB720926 OOU720926:OOX720926 OYQ720926:OYT720926 PIM720926:PIP720926 PSI720926:PSL720926 QCE720926:QCH720926 QMA720926:QMD720926 QVW720926:QVZ720926 RFS720926:RFV720926 RPO720926:RPR720926 RZK720926:RZN720926 SJG720926:SJJ720926 STC720926:STF720926 TCY720926:TDB720926 TMU720926:TMX720926 TWQ720926:TWT720926 UGM720926:UGP720926 UQI720926:UQL720926 VAE720926:VAH720926 VKA720926:VKD720926 VTW720926:VTZ720926 WDS720926:WDV720926 WNO720926:WNR720926 WXK720926:WXN720926 BC786462:BF786462 KY786462:LB786462 UU786462:UX786462 AEQ786462:AET786462 AOM786462:AOP786462 AYI786462:AYL786462 BIE786462:BIH786462 BSA786462:BSD786462 CBW786462:CBZ786462 CLS786462:CLV786462 CVO786462:CVR786462 DFK786462:DFN786462 DPG786462:DPJ786462 DZC786462:DZF786462 EIY786462:EJB786462 ESU786462:ESX786462 FCQ786462:FCT786462 FMM786462:FMP786462 FWI786462:FWL786462 GGE786462:GGH786462 GQA786462:GQD786462 GZW786462:GZZ786462 HJS786462:HJV786462 HTO786462:HTR786462 IDK786462:IDN786462 ING786462:INJ786462 IXC786462:IXF786462 JGY786462:JHB786462 JQU786462:JQX786462 KAQ786462:KAT786462 KKM786462:KKP786462 KUI786462:KUL786462 LEE786462:LEH786462 LOA786462:LOD786462 LXW786462:LXZ786462 MHS786462:MHV786462 MRO786462:MRR786462 NBK786462:NBN786462 NLG786462:NLJ786462 NVC786462:NVF786462 OEY786462:OFB786462 OOU786462:OOX786462 OYQ786462:OYT786462 PIM786462:PIP786462 PSI786462:PSL786462 QCE786462:QCH786462 QMA786462:QMD786462 QVW786462:QVZ786462 RFS786462:RFV786462 RPO786462:RPR786462 RZK786462:RZN786462 SJG786462:SJJ786462 STC786462:STF786462 TCY786462:TDB786462 TMU786462:TMX786462 TWQ786462:TWT786462 UGM786462:UGP786462 UQI786462:UQL786462 VAE786462:VAH786462 VKA786462:VKD786462 VTW786462:VTZ786462 WDS786462:WDV786462 WNO786462:WNR786462 WXK786462:WXN786462 BC851998:BF851998 KY851998:LB851998 UU851998:UX851998 AEQ851998:AET851998 AOM851998:AOP851998 AYI851998:AYL851998 BIE851998:BIH851998 BSA851998:BSD851998 CBW851998:CBZ851998 CLS851998:CLV851998 CVO851998:CVR851998 DFK851998:DFN851998 DPG851998:DPJ851998 DZC851998:DZF851998 EIY851998:EJB851998 ESU851998:ESX851998 FCQ851998:FCT851998 FMM851998:FMP851998 FWI851998:FWL851998 GGE851998:GGH851998 GQA851998:GQD851998 GZW851998:GZZ851998 HJS851998:HJV851998 HTO851998:HTR851998 IDK851998:IDN851998 ING851998:INJ851998 IXC851998:IXF851998 JGY851998:JHB851998 JQU851998:JQX851998 KAQ851998:KAT851998 KKM851998:KKP851998 KUI851998:KUL851998 LEE851998:LEH851998 LOA851998:LOD851998 LXW851998:LXZ851998 MHS851998:MHV851998 MRO851998:MRR851998 NBK851998:NBN851998 NLG851998:NLJ851998 NVC851998:NVF851998 OEY851998:OFB851998 OOU851998:OOX851998 OYQ851998:OYT851998 PIM851998:PIP851998 PSI851998:PSL851998 QCE851998:QCH851998 QMA851998:QMD851998 QVW851998:QVZ851998 RFS851998:RFV851998 RPO851998:RPR851998 RZK851998:RZN851998 SJG851998:SJJ851998 STC851998:STF851998 TCY851998:TDB851998 TMU851998:TMX851998 TWQ851998:TWT851998 UGM851998:UGP851998 UQI851998:UQL851998 VAE851998:VAH851998 VKA851998:VKD851998 VTW851998:VTZ851998 WDS851998:WDV851998 WNO851998:WNR851998 WXK851998:WXN851998 BC917534:BF917534 KY917534:LB917534 UU917534:UX917534 AEQ917534:AET917534 AOM917534:AOP917534 AYI917534:AYL917534 BIE917534:BIH917534 BSA917534:BSD917534 CBW917534:CBZ917534 CLS917534:CLV917534 CVO917534:CVR917534 DFK917534:DFN917534 DPG917534:DPJ917534 DZC917534:DZF917534 EIY917534:EJB917534 ESU917534:ESX917534 FCQ917534:FCT917534 FMM917534:FMP917534 FWI917534:FWL917534 GGE917534:GGH917534 GQA917534:GQD917534 GZW917534:GZZ917534 HJS917534:HJV917534 HTO917534:HTR917534 IDK917534:IDN917534 ING917534:INJ917534 IXC917534:IXF917534 JGY917534:JHB917534 JQU917534:JQX917534 KAQ917534:KAT917534 KKM917534:KKP917534 KUI917534:KUL917534 LEE917534:LEH917534 LOA917534:LOD917534 LXW917534:LXZ917534 MHS917534:MHV917534 MRO917534:MRR917534 NBK917534:NBN917534 NLG917534:NLJ917534 NVC917534:NVF917534 OEY917534:OFB917534 OOU917534:OOX917534 OYQ917534:OYT917534 PIM917534:PIP917534 PSI917534:PSL917534 QCE917534:QCH917534 QMA917534:QMD917534 QVW917534:QVZ917534 RFS917534:RFV917534 RPO917534:RPR917534 RZK917534:RZN917534 SJG917534:SJJ917534 STC917534:STF917534 TCY917534:TDB917534 TMU917534:TMX917534 TWQ917534:TWT917534 UGM917534:UGP917534 UQI917534:UQL917534 VAE917534:VAH917534 VKA917534:VKD917534 VTW917534:VTZ917534 WDS917534:WDV917534 WNO917534:WNR917534 WXK917534:WXN917534 BC983070:BF983070 KY983070:LB983070 UU983070:UX983070 AEQ983070:AET983070 AOM983070:AOP983070 AYI983070:AYL983070 BIE983070:BIH983070 BSA983070:BSD983070 CBW983070:CBZ983070 CLS983070:CLV983070 CVO983070:CVR983070 DFK983070:DFN983070 DPG983070:DPJ983070 DZC983070:DZF983070 EIY983070:EJB983070 ESU983070:ESX983070 FCQ983070:FCT983070 FMM983070:FMP983070 FWI983070:FWL983070 GGE983070:GGH983070 GQA983070:GQD983070 GZW983070:GZZ983070 HJS983070:HJV983070 HTO983070:HTR983070 IDK983070:IDN983070 ING983070:INJ983070 IXC983070:IXF983070 JGY983070:JHB983070 JQU983070:JQX983070 KAQ983070:KAT983070 KKM983070:KKP983070 KUI983070:KUL983070 LEE983070:LEH983070 LOA983070:LOD983070 LXW983070:LXZ983070 MHS983070:MHV983070 MRO983070:MRR983070 NBK983070:NBN983070 NLG983070:NLJ983070 NVC983070:NVF983070 OEY983070:OFB983070 OOU983070:OOX983070 OYQ983070:OYT983070 PIM983070:PIP983070 PSI983070:PSL983070 QCE983070:QCH983070 QMA983070:QMD983070 QVW983070:QVZ983070 RFS983070:RFV983070 RPO983070:RPR983070 RZK983070:RZN983070 SJG983070:SJJ983070 STC983070:STF983070 TCY983070:TDB983070 TMU983070:TMX983070 TWQ983070:TWT983070 UGM983070:UGP983070 UQI983070:UQL983070 VAE983070:VAH983070 VKA983070:VKD983070 VTW983070:VTZ983070 WDS983070:WDV983070 WNO983070:WNR983070 WXK983070:WXN983070 AY30:BE30 KU30:LA30 UQ30:UW30 AEM30:AES30 AOI30:AOO30 AYE30:AYK30 BIA30:BIG30 BRW30:BSC30 CBS30:CBY30 CLO30:CLU30 CVK30:CVQ30 DFG30:DFM30 DPC30:DPI30 DYY30:DZE30 EIU30:EJA30 ESQ30:ESW30 FCM30:FCS30 FMI30:FMO30 FWE30:FWK30 GGA30:GGG30 GPW30:GQC30 GZS30:GZY30 HJO30:HJU30 HTK30:HTQ30 IDG30:IDM30 INC30:INI30 IWY30:IXE30 JGU30:JHA30 JQQ30:JQW30 KAM30:KAS30 KKI30:KKO30 KUE30:KUK30 LEA30:LEG30 LNW30:LOC30 LXS30:LXY30 MHO30:MHU30 MRK30:MRQ30 NBG30:NBM30 NLC30:NLI30 NUY30:NVE30 OEU30:OFA30 OOQ30:OOW30 OYM30:OYS30 PII30:PIO30 PSE30:PSK30 QCA30:QCG30 QLW30:QMC30 QVS30:QVY30 RFO30:RFU30 RPK30:RPQ30 RZG30:RZM30 SJC30:SJI30 SSY30:STE30 TCU30:TDA30 TMQ30:TMW30 TWM30:TWS30 UGI30:UGO30 UQE30:UQK30 VAA30:VAG30 VJW30:VKC30 VTS30:VTY30 WDO30:WDU30 WNK30:WNQ30 WXG30:WXM30 AY65567:BE65567 KU65567:LA65567 UQ65567:UW65567 AEM65567:AES65567 AOI65567:AOO65567 AYE65567:AYK65567 BIA65567:BIG65567 BRW65567:BSC65567 CBS65567:CBY65567 CLO65567:CLU65567 CVK65567:CVQ65567 DFG65567:DFM65567 DPC65567:DPI65567 DYY65567:DZE65567 EIU65567:EJA65567 ESQ65567:ESW65567 FCM65567:FCS65567 FMI65567:FMO65567 FWE65567:FWK65567 GGA65567:GGG65567 GPW65567:GQC65567 GZS65567:GZY65567 HJO65567:HJU65567 HTK65567:HTQ65567 IDG65567:IDM65567 INC65567:INI65567 IWY65567:IXE65567 JGU65567:JHA65567 JQQ65567:JQW65567 KAM65567:KAS65567 KKI65567:KKO65567 KUE65567:KUK65567 LEA65567:LEG65567 LNW65567:LOC65567 LXS65567:LXY65567 MHO65567:MHU65567 MRK65567:MRQ65567 NBG65567:NBM65567 NLC65567:NLI65567 NUY65567:NVE65567 OEU65567:OFA65567 OOQ65567:OOW65567 OYM65567:OYS65567 PII65567:PIO65567 PSE65567:PSK65567 QCA65567:QCG65567 QLW65567:QMC65567 QVS65567:QVY65567 RFO65567:RFU65567 RPK65567:RPQ65567 RZG65567:RZM65567 SJC65567:SJI65567 SSY65567:STE65567 TCU65567:TDA65567 TMQ65567:TMW65567 TWM65567:TWS65567 UGI65567:UGO65567 UQE65567:UQK65567 VAA65567:VAG65567 VJW65567:VKC65567 VTS65567:VTY65567 WDO65567:WDU65567 WNK65567:WNQ65567 WXG65567:WXM65567 AY131103:BE131103 KU131103:LA131103 UQ131103:UW131103 AEM131103:AES131103 AOI131103:AOO131103 AYE131103:AYK131103 BIA131103:BIG131103 BRW131103:BSC131103 CBS131103:CBY131103 CLO131103:CLU131103 CVK131103:CVQ131103 DFG131103:DFM131103 DPC131103:DPI131103 DYY131103:DZE131103 EIU131103:EJA131103 ESQ131103:ESW131103 FCM131103:FCS131103 FMI131103:FMO131103 FWE131103:FWK131103 GGA131103:GGG131103 GPW131103:GQC131103 GZS131103:GZY131103 HJO131103:HJU131103 HTK131103:HTQ131103 IDG131103:IDM131103 INC131103:INI131103 IWY131103:IXE131103 JGU131103:JHA131103 JQQ131103:JQW131103 KAM131103:KAS131103 KKI131103:KKO131103 KUE131103:KUK131103 LEA131103:LEG131103 LNW131103:LOC131103 LXS131103:LXY131103 MHO131103:MHU131103 MRK131103:MRQ131103 NBG131103:NBM131103 NLC131103:NLI131103 NUY131103:NVE131103 OEU131103:OFA131103 OOQ131103:OOW131103 OYM131103:OYS131103 PII131103:PIO131103 PSE131103:PSK131103 QCA131103:QCG131103 QLW131103:QMC131103 QVS131103:QVY131103 RFO131103:RFU131103 RPK131103:RPQ131103 RZG131103:RZM131103 SJC131103:SJI131103 SSY131103:STE131103 TCU131103:TDA131103 TMQ131103:TMW131103 TWM131103:TWS131103 UGI131103:UGO131103 UQE131103:UQK131103 VAA131103:VAG131103 VJW131103:VKC131103 VTS131103:VTY131103 WDO131103:WDU131103 WNK131103:WNQ131103 WXG131103:WXM131103 AY196639:BE196639 KU196639:LA196639 UQ196639:UW196639 AEM196639:AES196639 AOI196639:AOO196639 AYE196639:AYK196639 BIA196639:BIG196639 BRW196639:BSC196639 CBS196639:CBY196639 CLO196639:CLU196639 CVK196639:CVQ196639 DFG196639:DFM196639 DPC196639:DPI196639 DYY196639:DZE196639 EIU196639:EJA196639 ESQ196639:ESW196639 FCM196639:FCS196639 FMI196639:FMO196639 FWE196639:FWK196639 GGA196639:GGG196639 GPW196639:GQC196639 GZS196639:GZY196639 HJO196639:HJU196639 HTK196639:HTQ196639 IDG196639:IDM196639 INC196639:INI196639 IWY196639:IXE196639 JGU196639:JHA196639 JQQ196639:JQW196639 KAM196639:KAS196639 KKI196639:KKO196639 KUE196639:KUK196639 LEA196639:LEG196639 LNW196639:LOC196639 LXS196639:LXY196639 MHO196639:MHU196639 MRK196639:MRQ196639 NBG196639:NBM196639 NLC196639:NLI196639 NUY196639:NVE196639 OEU196639:OFA196639 OOQ196639:OOW196639 OYM196639:OYS196639 PII196639:PIO196639 PSE196639:PSK196639 QCA196639:QCG196639 QLW196639:QMC196639 QVS196639:QVY196639 RFO196639:RFU196639 RPK196639:RPQ196639 RZG196639:RZM196639 SJC196639:SJI196639 SSY196639:STE196639 TCU196639:TDA196639 TMQ196639:TMW196639 TWM196639:TWS196639 UGI196639:UGO196639 UQE196639:UQK196639 VAA196639:VAG196639 VJW196639:VKC196639 VTS196639:VTY196639 WDO196639:WDU196639 WNK196639:WNQ196639 WXG196639:WXM196639 AY262175:BE262175 KU262175:LA262175 UQ262175:UW262175 AEM262175:AES262175 AOI262175:AOO262175 AYE262175:AYK262175 BIA262175:BIG262175 BRW262175:BSC262175 CBS262175:CBY262175 CLO262175:CLU262175 CVK262175:CVQ262175 DFG262175:DFM262175 DPC262175:DPI262175 DYY262175:DZE262175 EIU262175:EJA262175 ESQ262175:ESW262175 FCM262175:FCS262175 FMI262175:FMO262175 FWE262175:FWK262175 GGA262175:GGG262175 GPW262175:GQC262175 GZS262175:GZY262175 HJO262175:HJU262175 HTK262175:HTQ262175 IDG262175:IDM262175 INC262175:INI262175 IWY262175:IXE262175 JGU262175:JHA262175 JQQ262175:JQW262175 KAM262175:KAS262175 KKI262175:KKO262175 KUE262175:KUK262175 LEA262175:LEG262175 LNW262175:LOC262175 LXS262175:LXY262175 MHO262175:MHU262175 MRK262175:MRQ262175 NBG262175:NBM262175 NLC262175:NLI262175 NUY262175:NVE262175 OEU262175:OFA262175 OOQ262175:OOW262175 OYM262175:OYS262175 PII262175:PIO262175 PSE262175:PSK262175 QCA262175:QCG262175 QLW262175:QMC262175 QVS262175:QVY262175 RFO262175:RFU262175 RPK262175:RPQ262175 RZG262175:RZM262175 SJC262175:SJI262175 SSY262175:STE262175 TCU262175:TDA262175 TMQ262175:TMW262175 TWM262175:TWS262175 UGI262175:UGO262175 UQE262175:UQK262175 VAA262175:VAG262175 VJW262175:VKC262175 VTS262175:VTY262175 WDO262175:WDU262175 WNK262175:WNQ262175 WXG262175:WXM262175 AY327711:BE327711 KU327711:LA327711 UQ327711:UW327711 AEM327711:AES327711 AOI327711:AOO327711 AYE327711:AYK327711 BIA327711:BIG327711 BRW327711:BSC327711 CBS327711:CBY327711 CLO327711:CLU327711 CVK327711:CVQ327711 DFG327711:DFM327711 DPC327711:DPI327711 DYY327711:DZE327711 EIU327711:EJA327711 ESQ327711:ESW327711 FCM327711:FCS327711 FMI327711:FMO327711 FWE327711:FWK327711 GGA327711:GGG327711 GPW327711:GQC327711 GZS327711:GZY327711 HJO327711:HJU327711 HTK327711:HTQ327711 IDG327711:IDM327711 INC327711:INI327711 IWY327711:IXE327711 JGU327711:JHA327711 JQQ327711:JQW327711 KAM327711:KAS327711 KKI327711:KKO327711 KUE327711:KUK327711 LEA327711:LEG327711 LNW327711:LOC327711 LXS327711:LXY327711 MHO327711:MHU327711 MRK327711:MRQ327711 NBG327711:NBM327711 NLC327711:NLI327711 NUY327711:NVE327711 OEU327711:OFA327711 OOQ327711:OOW327711 OYM327711:OYS327711 PII327711:PIO327711 PSE327711:PSK327711 QCA327711:QCG327711 QLW327711:QMC327711 QVS327711:QVY327711 RFO327711:RFU327711 RPK327711:RPQ327711 RZG327711:RZM327711 SJC327711:SJI327711 SSY327711:STE327711 TCU327711:TDA327711 TMQ327711:TMW327711 TWM327711:TWS327711 UGI327711:UGO327711 UQE327711:UQK327711 VAA327711:VAG327711 VJW327711:VKC327711 VTS327711:VTY327711 WDO327711:WDU327711 WNK327711:WNQ327711 WXG327711:WXM327711 AY393247:BE393247 KU393247:LA393247 UQ393247:UW393247 AEM393247:AES393247 AOI393247:AOO393247 AYE393247:AYK393247 BIA393247:BIG393247 BRW393247:BSC393247 CBS393247:CBY393247 CLO393247:CLU393247 CVK393247:CVQ393247 DFG393247:DFM393247 DPC393247:DPI393247 DYY393247:DZE393247 EIU393247:EJA393247 ESQ393247:ESW393247 FCM393247:FCS393247 FMI393247:FMO393247 FWE393247:FWK393247 GGA393247:GGG393247 GPW393247:GQC393247 GZS393247:GZY393247 HJO393247:HJU393247 HTK393247:HTQ393247 IDG393247:IDM393247 INC393247:INI393247 IWY393247:IXE393247 JGU393247:JHA393247 JQQ393247:JQW393247 KAM393247:KAS393247 KKI393247:KKO393247 KUE393247:KUK393247 LEA393247:LEG393247 LNW393247:LOC393247 LXS393247:LXY393247 MHO393247:MHU393247 MRK393247:MRQ393247 NBG393247:NBM393247 NLC393247:NLI393247 NUY393247:NVE393247 OEU393247:OFA393247 OOQ393247:OOW393247 OYM393247:OYS393247 PII393247:PIO393247 PSE393247:PSK393247 QCA393247:QCG393247 QLW393247:QMC393247 QVS393247:QVY393247 RFO393247:RFU393247 RPK393247:RPQ393247 RZG393247:RZM393247 SJC393247:SJI393247 SSY393247:STE393247 TCU393247:TDA393247 TMQ393247:TMW393247 TWM393247:TWS393247 UGI393247:UGO393247 UQE393247:UQK393247 VAA393247:VAG393247 VJW393247:VKC393247 VTS393247:VTY393247 WDO393247:WDU393247 WNK393247:WNQ393247 WXG393247:WXM393247 AY458783:BE458783 KU458783:LA458783 UQ458783:UW458783 AEM458783:AES458783 AOI458783:AOO458783 AYE458783:AYK458783 BIA458783:BIG458783 BRW458783:BSC458783 CBS458783:CBY458783 CLO458783:CLU458783 CVK458783:CVQ458783 DFG458783:DFM458783 DPC458783:DPI458783 DYY458783:DZE458783 EIU458783:EJA458783 ESQ458783:ESW458783 FCM458783:FCS458783 FMI458783:FMO458783 FWE458783:FWK458783 GGA458783:GGG458783 GPW458783:GQC458783 GZS458783:GZY458783 HJO458783:HJU458783 HTK458783:HTQ458783 IDG458783:IDM458783 INC458783:INI458783 IWY458783:IXE458783 JGU458783:JHA458783 JQQ458783:JQW458783 KAM458783:KAS458783 KKI458783:KKO458783 KUE458783:KUK458783 LEA458783:LEG458783 LNW458783:LOC458783 LXS458783:LXY458783 MHO458783:MHU458783 MRK458783:MRQ458783 NBG458783:NBM458783 NLC458783:NLI458783 NUY458783:NVE458783 OEU458783:OFA458783 OOQ458783:OOW458783 OYM458783:OYS458783 PII458783:PIO458783 PSE458783:PSK458783 QCA458783:QCG458783 QLW458783:QMC458783 QVS458783:QVY458783 RFO458783:RFU458783 RPK458783:RPQ458783 RZG458783:RZM458783 SJC458783:SJI458783 SSY458783:STE458783 TCU458783:TDA458783 TMQ458783:TMW458783 TWM458783:TWS458783 UGI458783:UGO458783 UQE458783:UQK458783 VAA458783:VAG458783 VJW458783:VKC458783 VTS458783:VTY458783 WDO458783:WDU458783 WNK458783:WNQ458783 WXG458783:WXM458783 AY524319:BE524319 KU524319:LA524319 UQ524319:UW524319 AEM524319:AES524319 AOI524319:AOO524319 AYE524319:AYK524319 BIA524319:BIG524319 BRW524319:BSC524319 CBS524319:CBY524319 CLO524319:CLU524319 CVK524319:CVQ524319 DFG524319:DFM524319 DPC524319:DPI524319 DYY524319:DZE524319 EIU524319:EJA524319 ESQ524319:ESW524319 FCM524319:FCS524319 FMI524319:FMO524319 FWE524319:FWK524319 GGA524319:GGG524319 GPW524319:GQC524319 GZS524319:GZY524319 HJO524319:HJU524319 HTK524319:HTQ524319 IDG524319:IDM524319 INC524319:INI524319 IWY524319:IXE524319 JGU524319:JHA524319 JQQ524319:JQW524319 KAM524319:KAS524319 KKI524319:KKO524319 KUE524319:KUK524319 LEA524319:LEG524319 LNW524319:LOC524319 LXS524319:LXY524319 MHO524319:MHU524319 MRK524319:MRQ524319 NBG524319:NBM524319 NLC524319:NLI524319 NUY524319:NVE524319 OEU524319:OFA524319 OOQ524319:OOW524319 OYM524319:OYS524319 PII524319:PIO524319 PSE524319:PSK524319 QCA524319:QCG524319 QLW524319:QMC524319 QVS524319:QVY524319 RFO524319:RFU524319 RPK524319:RPQ524319 RZG524319:RZM524319 SJC524319:SJI524319 SSY524319:STE524319 TCU524319:TDA524319 TMQ524319:TMW524319 TWM524319:TWS524319 UGI524319:UGO524319 UQE524319:UQK524319 VAA524319:VAG524319 VJW524319:VKC524319 VTS524319:VTY524319 WDO524319:WDU524319 WNK524319:WNQ524319 WXG524319:WXM524319 AY589855:BE589855 KU589855:LA589855 UQ589855:UW589855 AEM589855:AES589855 AOI589855:AOO589855 AYE589855:AYK589855 BIA589855:BIG589855 BRW589855:BSC589855 CBS589855:CBY589855 CLO589855:CLU589855 CVK589855:CVQ589855 DFG589855:DFM589855 DPC589855:DPI589855 DYY589855:DZE589855 EIU589855:EJA589855 ESQ589855:ESW589855 FCM589855:FCS589855 FMI589855:FMO589855 FWE589855:FWK589855 GGA589855:GGG589855 GPW589855:GQC589855 GZS589855:GZY589855 HJO589855:HJU589855 HTK589855:HTQ589855 IDG589855:IDM589855 INC589855:INI589855 IWY589855:IXE589855 JGU589855:JHA589855 JQQ589855:JQW589855 KAM589855:KAS589855 KKI589855:KKO589855 KUE589855:KUK589855 LEA589855:LEG589855 LNW589855:LOC589855 LXS589855:LXY589855 MHO589855:MHU589855 MRK589855:MRQ589855 NBG589855:NBM589855 NLC589855:NLI589855 NUY589855:NVE589855 OEU589855:OFA589855 OOQ589855:OOW589855 OYM589855:OYS589855 PII589855:PIO589855 PSE589855:PSK589855 QCA589855:QCG589855 QLW589855:QMC589855 QVS589855:QVY589855 RFO589855:RFU589855 RPK589855:RPQ589855 RZG589855:RZM589855 SJC589855:SJI589855 SSY589855:STE589855 TCU589855:TDA589855 TMQ589855:TMW589855 TWM589855:TWS589855 UGI589855:UGO589855 UQE589855:UQK589855 VAA589855:VAG589855 VJW589855:VKC589855 VTS589855:VTY589855 WDO589855:WDU589855 WNK589855:WNQ589855 WXG589855:WXM589855 AY655391:BE655391 KU655391:LA655391 UQ655391:UW655391 AEM655391:AES655391 AOI655391:AOO655391 AYE655391:AYK655391 BIA655391:BIG655391 BRW655391:BSC655391 CBS655391:CBY655391 CLO655391:CLU655391 CVK655391:CVQ655391 DFG655391:DFM655391 DPC655391:DPI655391 DYY655391:DZE655391 EIU655391:EJA655391 ESQ655391:ESW655391 FCM655391:FCS655391 FMI655391:FMO655391 FWE655391:FWK655391 GGA655391:GGG655391 GPW655391:GQC655391 GZS655391:GZY655391 HJO655391:HJU655391 HTK655391:HTQ655391 IDG655391:IDM655391 INC655391:INI655391 IWY655391:IXE655391 JGU655391:JHA655391 JQQ655391:JQW655391 KAM655391:KAS655391 KKI655391:KKO655391 KUE655391:KUK655391 LEA655391:LEG655391 LNW655391:LOC655391 LXS655391:LXY655391 MHO655391:MHU655391 MRK655391:MRQ655391 NBG655391:NBM655391 NLC655391:NLI655391 NUY655391:NVE655391 OEU655391:OFA655391 OOQ655391:OOW655391 OYM655391:OYS655391 PII655391:PIO655391 PSE655391:PSK655391 QCA655391:QCG655391 QLW655391:QMC655391 QVS655391:QVY655391 RFO655391:RFU655391 RPK655391:RPQ655391 RZG655391:RZM655391 SJC655391:SJI655391 SSY655391:STE655391 TCU655391:TDA655391 TMQ655391:TMW655391 TWM655391:TWS655391 UGI655391:UGO655391 UQE655391:UQK655391 VAA655391:VAG655391 VJW655391:VKC655391 VTS655391:VTY655391 WDO655391:WDU655391 WNK655391:WNQ655391 WXG655391:WXM655391 AY720927:BE720927 KU720927:LA720927 UQ720927:UW720927 AEM720927:AES720927 AOI720927:AOO720927 AYE720927:AYK720927 BIA720927:BIG720927 BRW720927:BSC720927 CBS720927:CBY720927 CLO720927:CLU720927 CVK720927:CVQ720927 DFG720927:DFM720927 DPC720927:DPI720927 DYY720927:DZE720927 EIU720927:EJA720927 ESQ720927:ESW720927 FCM720927:FCS720927 FMI720927:FMO720927 FWE720927:FWK720927 GGA720927:GGG720927 GPW720927:GQC720927 GZS720927:GZY720927 HJO720927:HJU720927 HTK720927:HTQ720927 IDG720927:IDM720927 INC720927:INI720927 IWY720927:IXE720927 JGU720927:JHA720927 JQQ720927:JQW720927 KAM720927:KAS720927 KKI720927:KKO720927 KUE720927:KUK720927 LEA720927:LEG720927 LNW720927:LOC720927 LXS720927:LXY720927 MHO720927:MHU720927 MRK720927:MRQ720927 NBG720927:NBM720927 NLC720927:NLI720927 NUY720927:NVE720927 OEU720927:OFA720927 OOQ720927:OOW720927 OYM720927:OYS720927 PII720927:PIO720927 PSE720927:PSK720927 QCA720927:QCG720927 QLW720927:QMC720927 QVS720927:QVY720927 RFO720927:RFU720927 RPK720927:RPQ720927 RZG720927:RZM720927 SJC720927:SJI720927 SSY720927:STE720927 TCU720927:TDA720927 TMQ720927:TMW720927 TWM720927:TWS720927 UGI720927:UGO720927 UQE720927:UQK720927 VAA720927:VAG720927 VJW720927:VKC720927 VTS720927:VTY720927 WDO720927:WDU720927 WNK720927:WNQ720927 WXG720927:WXM720927 AY786463:BE786463 KU786463:LA786463 UQ786463:UW786463 AEM786463:AES786463 AOI786463:AOO786463 AYE786463:AYK786463 BIA786463:BIG786463 BRW786463:BSC786463 CBS786463:CBY786463 CLO786463:CLU786463 CVK786463:CVQ786463 DFG786463:DFM786463 DPC786463:DPI786463 DYY786463:DZE786463 EIU786463:EJA786463 ESQ786463:ESW786463 FCM786463:FCS786463 FMI786463:FMO786463 FWE786463:FWK786463 GGA786463:GGG786463 GPW786463:GQC786463 GZS786463:GZY786463 HJO786463:HJU786463 HTK786463:HTQ786463 IDG786463:IDM786463 INC786463:INI786463 IWY786463:IXE786463 JGU786463:JHA786463 JQQ786463:JQW786463 KAM786463:KAS786463 KKI786463:KKO786463 KUE786463:KUK786463 LEA786463:LEG786463 LNW786463:LOC786463 LXS786463:LXY786463 MHO786463:MHU786463 MRK786463:MRQ786463 NBG786463:NBM786463 NLC786463:NLI786463 NUY786463:NVE786463 OEU786463:OFA786463 OOQ786463:OOW786463 OYM786463:OYS786463 PII786463:PIO786463 PSE786463:PSK786463 QCA786463:QCG786463 QLW786463:QMC786463 QVS786463:QVY786463 RFO786463:RFU786463 RPK786463:RPQ786463 RZG786463:RZM786463 SJC786463:SJI786463 SSY786463:STE786463 TCU786463:TDA786463 TMQ786463:TMW786463 TWM786463:TWS786463 UGI786463:UGO786463 UQE786463:UQK786463 VAA786463:VAG786463 VJW786463:VKC786463 VTS786463:VTY786463 WDO786463:WDU786463 WNK786463:WNQ786463 WXG786463:WXM786463 AY851999:BE851999 KU851999:LA851999 UQ851999:UW851999 AEM851999:AES851999 AOI851999:AOO851999 AYE851999:AYK851999 BIA851999:BIG851999 BRW851999:BSC851999 CBS851999:CBY851999 CLO851999:CLU851999 CVK851999:CVQ851999 DFG851999:DFM851999 DPC851999:DPI851999 DYY851999:DZE851999 EIU851999:EJA851999 ESQ851999:ESW851999 FCM851999:FCS851999 FMI851999:FMO851999 FWE851999:FWK851999 GGA851999:GGG851999 GPW851999:GQC851999 GZS851999:GZY851999 HJO851999:HJU851999 HTK851999:HTQ851999 IDG851999:IDM851999 INC851999:INI851999 IWY851999:IXE851999 JGU851999:JHA851999 JQQ851999:JQW851999 KAM851999:KAS851999 KKI851999:KKO851999 KUE851999:KUK851999 LEA851999:LEG851999 LNW851999:LOC851999 LXS851999:LXY851999 MHO851999:MHU851999 MRK851999:MRQ851999 NBG851999:NBM851999 NLC851999:NLI851999 NUY851999:NVE851999 OEU851999:OFA851999 OOQ851999:OOW851999 OYM851999:OYS851999 PII851999:PIO851999 PSE851999:PSK851999 QCA851999:QCG851999 QLW851999:QMC851999 QVS851999:QVY851999 RFO851999:RFU851999 RPK851999:RPQ851999 RZG851999:RZM851999 SJC851999:SJI851999 SSY851999:STE851999 TCU851999:TDA851999 TMQ851999:TMW851999 TWM851999:TWS851999 UGI851999:UGO851999 UQE851999:UQK851999 VAA851999:VAG851999 VJW851999:VKC851999 VTS851999:VTY851999 WDO851999:WDU851999 WNK851999:WNQ851999 WXG851999:WXM851999 AY917535:BE917535 KU917535:LA917535 UQ917535:UW917535 AEM917535:AES917535 AOI917535:AOO917535 AYE917535:AYK917535 BIA917535:BIG917535 BRW917535:BSC917535 CBS917535:CBY917535 CLO917535:CLU917535 CVK917535:CVQ917535 DFG917535:DFM917535 DPC917535:DPI917535 DYY917535:DZE917535 EIU917535:EJA917535 ESQ917535:ESW917535 FCM917535:FCS917535 FMI917535:FMO917535 FWE917535:FWK917535 GGA917535:GGG917535 GPW917535:GQC917535 GZS917535:GZY917535 HJO917535:HJU917535 HTK917535:HTQ917535 IDG917535:IDM917535 INC917535:INI917535 IWY917535:IXE917535 JGU917535:JHA917535 JQQ917535:JQW917535 KAM917535:KAS917535 KKI917535:KKO917535 KUE917535:KUK917535 LEA917535:LEG917535 LNW917535:LOC917535 LXS917535:LXY917535 MHO917535:MHU917535 MRK917535:MRQ917535 NBG917535:NBM917535 NLC917535:NLI917535 NUY917535:NVE917535 OEU917535:OFA917535 OOQ917535:OOW917535 OYM917535:OYS917535 PII917535:PIO917535 PSE917535:PSK917535 QCA917535:QCG917535 QLW917535:QMC917535 QVS917535:QVY917535 RFO917535:RFU917535 RPK917535:RPQ917535 RZG917535:RZM917535 SJC917535:SJI917535 SSY917535:STE917535 TCU917535:TDA917535 TMQ917535:TMW917535 TWM917535:TWS917535 UGI917535:UGO917535 UQE917535:UQK917535 VAA917535:VAG917535 VJW917535:VKC917535 VTS917535:VTY917535 WDO917535:WDU917535 WNK917535:WNQ917535 WXG917535:WXM917535 AY983071:BE983071 KU983071:LA983071 UQ983071:UW983071 AEM983071:AES983071 AOI983071:AOO983071 AYE983071:AYK983071 BIA983071:BIG983071 BRW983071:BSC983071 CBS983071:CBY983071 CLO983071:CLU983071 CVK983071:CVQ983071 DFG983071:DFM983071 DPC983071:DPI983071 DYY983071:DZE983071 EIU983071:EJA983071 ESQ983071:ESW983071 FCM983071:FCS983071 FMI983071:FMO983071 FWE983071:FWK983071 GGA983071:GGG983071 GPW983071:GQC983071 GZS983071:GZY983071 HJO983071:HJU983071 HTK983071:HTQ983071 IDG983071:IDM983071 INC983071:INI983071 IWY983071:IXE983071 JGU983071:JHA983071 JQQ983071:JQW983071 KAM983071:KAS983071 KKI983071:KKO983071 KUE983071:KUK983071 LEA983071:LEG983071 LNW983071:LOC983071 LXS983071:LXY983071 MHO983071:MHU983071 MRK983071:MRQ983071 NBG983071:NBM983071 NLC983071:NLI983071 NUY983071:NVE983071 OEU983071:OFA983071 OOQ983071:OOW983071 OYM983071:OYS983071 PII983071:PIO983071 PSE983071:PSK983071 QCA983071:QCG983071 QLW983071:QMC983071 QVS983071:QVY983071 RFO983071:RFU983071 RPK983071:RPQ983071 RZG983071:RZM983071 SJC983071:SJI983071 SSY983071:STE983071 TCU983071:TDA983071 TMQ983071:TMW983071 TWM983071:TWS983071 UGI983071:UGO983071 UQE983071:UQK983071 VAA983071:VAG983071 VJW983071:VKC983071 VTS983071:VTY983071 WDO983071:WDU983071 WNK983071:WNQ983071 WXG983071:WXM983071 AX31:BA31 KT31:KW31 UP31:US31 AEL31:AEO31 AOH31:AOK31 AYD31:AYG31 BHZ31:BIC31 BRV31:BRY31 CBR31:CBU31 CLN31:CLQ31 CVJ31:CVM31 DFF31:DFI31 DPB31:DPE31 DYX31:DZA31 EIT31:EIW31 ESP31:ESS31 FCL31:FCO31 FMH31:FMK31 FWD31:FWG31 GFZ31:GGC31 GPV31:GPY31 GZR31:GZU31 HJN31:HJQ31 HTJ31:HTM31 IDF31:IDI31 INB31:INE31 IWX31:IXA31 JGT31:JGW31 JQP31:JQS31 KAL31:KAO31 KKH31:KKK31 KUD31:KUG31 LDZ31:LEC31 LNV31:LNY31 LXR31:LXU31 MHN31:MHQ31 MRJ31:MRM31 NBF31:NBI31 NLB31:NLE31 NUX31:NVA31 OET31:OEW31 OOP31:OOS31 OYL31:OYO31 PIH31:PIK31 PSD31:PSG31 QBZ31:QCC31 QLV31:QLY31 QVR31:QVU31 RFN31:RFQ31 RPJ31:RPM31 RZF31:RZI31 SJB31:SJE31 SSX31:STA31 TCT31:TCW31 TMP31:TMS31 TWL31:TWO31 UGH31:UGK31 UQD31:UQG31 UZZ31:VAC31 VJV31:VJY31 VTR31:VTU31 WDN31:WDQ31 WNJ31:WNM31 WXF31:WXI31 AX65568:BA65568 KT65568:KW65568 UP65568:US65568 AEL65568:AEO65568 AOH65568:AOK65568 AYD65568:AYG65568 BHZ65568:BIC65568 BRV65568:BRY65568 CBR65568:CBU65568 CLN65568:CLQ65568 CVJ65568:CVM65568 DFF65568:DFI65568 DPB65568:DPE65568 DYX65568:DZA65568 EIT65568:EIW65568 ESP65568:ESS65568 FCL65568:FCO65568 FMH65568:FMK65568 FWD65568:FWG65568 GFZ65568:GGC65568 GPV65568:GPY65568 GZR65568:GZU65568 HJN65568:HJQ65568 HTJ65568:HTM65568 IDF65568:IDI65568 INB65568:INE65568 IWX65568:IXA65568 JGT65568:JGW65568 JQP65568:JQS65568 KAL65568:KAO65568 KKH65568:KKK65568 KUD65568:KUG65568 LDZ65568:LEC65568 LNV65568:LNY65568 LXR65568:LXU65568 MHN65568:MHQ65568 MRJ65568:MRM65568 NBF65568:NBI65568 NLB65568:NLE65568 NUX65568:NVA65568 OET65568:OEW65568 OOP65568:OOS65568 OYL65568:OYO65568 PIH65568:PIK65568 PSD65568:PSG65568 QBZ65568:QCC65568 QLV65568:QLY65568 QVR65568:QVU65568 RFN65568:RFQ65568 RPJ65568:RPM65568 RZF65568:RZI65568 SJB65568:SJE65568 SSX65568:STA65568 TCT65568:TCW65568 TMP65568:TMS65568 TWL65568:TWO65568 UGH65568:UGK65568 UQD65568:UQG65568 UZZ65568:VAC65568 VJV65568:VJY65568 VTR65568:VTU65568 WDN65568:WDQ65568 WNJ65568:WNM65568 WXF65568:WXI65568 AX131104:BA131104 KT131104:KW131104 UP131104:US131104 AEL131104:AEO131104 AOH131104:AOK131104 AYD131104:AYG131104 BHZ131104:BIC131104 BRV131104:BRY131104 CBR131104:CBU131104 CLN131104:CLQ131104 CVJ131104:CVM131104 DFF131104:DFI131104 DPB131104:DPE131104 DYX131104:DZA131104 EIT131104:EIW131104 ESP131104:ESS131104 FCL131104:FCO131104 FMH131104:FMK131104 FWD131104:FWG131104 GFZ131104:GGC131104 GPV131104:GPY131104 GZR131104:GZU131104 HJN131104:HJQ131104 HTJ131104:HTM131104 IDF131104:IDI131104 INB131104:INE131104 IWX131104:IXA131104 JGT131104:JGW131104 JQP131104:JQS131104 KAL131104:KAO131104 KKH131104:KKK131104 KUD131104:KUG131104 LDZ131104:LEC131104 LNV131104:LNY131104 LXR131104:LXU131104 MHN131104:MHQ131104 MRJ131104:MRM131104 NBF131104:NBI131104 NLB131104:NLE131104 NUX131104:NVA131104 OET131104:OEW131104 OOP131104:OOS131104 OYL131104:OYO131104 PIH131104:PIK131104 PSD131104:PSG131104 QBZ131104:QCC131104 QLV131104:QLY131104 QVR131104:QVU131104 RFN131104:RFQ131104 RPJ131104:RPM131104 RZF131104:RZI131104 SJB131104:SJE131104 SSX131104:STA131104 TCT131104:TCW131104 TMP131104:TMS131104 TWL131104:TWO131104 UGH131104:UGK131104 UQD131104:UQG131104 UZZ131104:VAC131104 VJV131104:VJY131104 VTR131104:VTU131104 WDN131104:WDQ131104 WNJ131104:WNM131104 WXF131104:WXI131104 AX196640:BA196640 KT196640:KW196640 UP196640:US196640 AEL196640:AEO196640 AOH196640:AOK196640 AYD196640:AYG196640 BHZ196640:BIC196640 BRV196640:BRY196640 CBR196640:CBU196640 CLN196640:CLQ196640 CVJ196640:CVM196640 DFF196640:DFI196640 DPB196640:DPE196640 DYX196640:DZA196640 EIT196640:EIW196640 ESP196640:ESS196640 FCL196640:FCO196640 FMH196640:FMK196640 FWD196640:FWG196640 GFZ196640:GGC196640 GPV196640:GPY196640 GZR196640:GZU196640 HJN196640:HJQ196640 HTJ196640:HTM196640 IDF196640:IDI196640 INB196640:INE196640 IWX196640:IXA196640 JGT196640:JGW196640 JQP196640:JQS196640 KAL196640:KAO196640 KKH196640:KKK196640 KUD196640:KUG196640 LDZ196640:LEC196640 LNV196640:LNY196640 LXR196640:LXU196640 MHN196640:MHQ196640 MRJ196640:MRM196640 NBF196640:NBI196640 NLB196640:NLE196640 NUX196640:NVA196640 OET196640:OEW196640 OOP196640:OOS196640 OYL196640:OYO196640 PIH196640:PIK196640 PSD196640:PSG196640 QBZ196640:QCC196640 QLV196640:QLY196640 QVR196640:QVU196640 RFN196640:RFQ196640 RPJ196640:RPM196640 RZF196640:RZI196640 SJB196640:SJE196640 SSX196640:STA196640 TCT196640:TCW196640 TMP196640:TMS196640 TWL196640:TWO196640 UGH196640:UGK196640 UQD196640:UQG196640 UZZ196640:VAC196640 VJV196640:VJY196640 VTR196640:VTU196640 WDN196640:WDQ196640 WNJ196640:WNM196640 WXF196640:WXI196640 AX262176:BA262176 KT262176:KW262176 UP262176:US262176 AEL262176:AEO262176 AOH262176:AOK262176 AYD262176:AYG262176 BHZ262176:BIC262176 BRV262176:BRY262176 CBR262176:CBU262176 CLN262176:CLQ262176 CVJ262176:CVM262176 DFF262176:DFI262176 DPB262176:DPE262176 DYX262176:DZA262176 EIT262176:EIW262176 ESP262176:ESS262176 FCL262176:FCO262176 FMH262176:FMK262176 FWD262176:FWG262176 GFZ262176:GGC262176 GPV262176:GPY262176 GZR262176:GZU262176 HJN262176:HJQ262176 HTJ262176:HTM262176 IDF262176:IDI262176 INB262176:INE262176 IWX262176:IXA262176 JGT262176:JGW262176 JQP262176:JQS262176 KAL262176:KAO262176 KKH262176:KKK262176 KUD262176:KUG262176 LDZ262176:LEC262176 LNV262176:LNY262176 LXR262176:LXU262176 MHN262176:MHQ262176 MRJ262176:MRM262176 NBF262176:NBI262176 NLB262176:NLE262176 NUX262176:NVA262176 OET262176:OEW262176 OOP262176:OOS262176 OYL262176:OYO262176 PIH262176:PIK262176 PSD262176:PSG262176 QBZ262176:QCC262176 QLV262176:QLY262176 QVR262176:QVU262176 RFN262176:RFQ262176 RPJ262176:RPM262176 RZF262176:RZI262176 SJB262176:SJE262176 SSX262176:STA262176 TCT262176:TCW262176 TMP262176:TMS262176 TWL262176:TWO262176 UGH262176:UGK262176 UQD262176:UQG262176 UZZ262176:VAC262176 VJV262176:VJY262176 VTR262176:VTU262176 WDN262176:WDQ262176 WNJ262176:WNM262176 WXF262176:WXI262176 AX327712:BA327712 KT327712:KW327712 UP327712:US327712 AEL327712:AEO327712 AOH327712:AOK327712 AYD327712:AYG327712 BHZ327712:BIC327712 BRV327712:BRY327712 CBR327712:CBU327712 CLN327712:CLQ327712 CVJ327712:CVM327712 DFF327712:DFI327712 DPB327712:DPE327712 DYX327712:DZA327712 EIT327712:EIW327712 ESP327712:ESS327712 FCL327712:FCO327712 FMH327712:FMK327712 FWD327712:FWG327712 GFZ327712:GGC327712 GPV327712:GPY327712 GZR327712:GZU327712 HJN327712:HJQ327712 HTJ327712:HTM327712 IDF327712:IDI327712 INB327712:INE327712 IWX327712:IXA327712 JGT327712:JGW327712 JQP327712:JQS327712 KAL327712:KAO327712 KKH327712:KKK327712 KUD327712:KUG327712 LDZ327712:LEC327712 LNV327712:LNY327712 LXR327712:LXU327712 MHN327712:MHQ327712 MRJ327712:MRM327712 NBF327712:NBI327712 NLB327712:NLE327712 NUX327712:NVA327712 OET327712:OEW327712 OOP327712:OOS327712 OYL327712:OYO327712 PIH327712:PIK327712 PSD327712:PSG327712 QBZ327712:QCC327712 QLV327712:QLY327712 QVR327712:QVU327712 RFN327712:RFQ327712 RPJ327712:RPM327712 RZF327712:RZI327712 SJB327712:SJE327712 SSX327712:STA327712 TCT327712:TCW327712 TMP327712:TMS327712 TWL327712:TWO327712 UGH327712:UGK327712 UQD327712:UQG327712 UZZ327712:VAC327712 VJV327712:VJY327712 VTR327712:VTU327712 WDN327712:WDQ327712 WNJ327712:WNM327712 WXF327712:WXI327712 AX393248:BA393248 KT393248:KW393248 UP393248:US393248 AEL393248:AEO393248 AOH393248:AOK393248 AYD393248:AYG393248 BHZ393248:BIC393248 BRV393248:BRY393248 CBR393248:CBU393248 CLN393248:CLQ393248 CVJ393248:CVM393248 DFF393248:DFI393248 DPB393248:DPE393248 DYX393248:DZA393248 EIT393248:EIW393248 ESP393248:ESS393248 FCL393248:FCO393248 FMH393248:FMK393248 FWD393248:FWG393248 GFZ393248:GGC393248 GPV393248:GPY393248 GZR393248:GZU393248 HJN393248:HJQ393248 HTJ393248:HTM393248 IDF393248:IDI393248 INB393248:INE393248 IWX393248:IXA393248 JGT393248:JGW393248 JQP393248:JQS393248 KAL393248:KAO393248 KKH393248:KKK393248 KUD393248:KUG393248 LDZ393248:LEC393248 LNV393248:LNY393248 LXR393248:LXU393248 MHN393248:MHQ393248 MRJ393248:MRM393248 NBF393248:NBI393248 NLB393248:NLE393248 NUX393248:NVA393248 OET393248:OEW393248 OOP393248:OOS393248 OYL393248:OYO393248 PIH393248:PIK393248 PSD393248:PSG393248 QBZ393248:QCC393248 QLV393248:QLY393248 QVR393248:QVU393248 RFN393248:RFQ393248 RPJ393248:RPM393248 RZF393248:RZI393248 SJB393248:SJE393248 SSX393248:STA393248 TCT393248:TCW393248 TMP393248:TMS393248 TWL393248:TWO393248 UGH393248:UGK393248 UQD393248:UQG393248 UZZ393248:VAC393248 VJV393248:VJY393248 VTR393248:VTU393248 WDN393248:WDQ393248 WNJ393248:WNM393248 WXF393248:WXI393248 AX458784:BA458784 KT458784:KW458784 UP458784:US458784 AEL458784:AEO458784 AOH458784:AOK458784 AYD458784:AYG458784 BHZ458784:BIC458784 BRV458784:BRY458784 CBR458784:CBU458784 CLN458784:CLQ458784 CVJ458784:CVM458784 DFF458784:DFI458784 DPB458784:DPE458784 DYX458784:DZA458784 EIT458784:EIW458784 ESP458784:ESS458784 FCL458784:FCO458784 FMH458784:FMK458784 FWD458784:FWG458784 GFZ458784:GGC458784 GPV458784:GPY458784 GZR458784:GZU458784 HJN458784:HJQ458784 HTJ458784:HTM458784 IDF458784:IDI458784 INB458784:INE458784 IWX458784:IXA458784 JGT458784:JGW458784 JQP458784:JQS458784 KAL458784:KAO458784 KKH458784:KKK458784 KUD458784:KUG458784 LDZ458784:LEC458784 LNV458784:LNY458784 LXR458784:LXU458784 MHN458784:MHQ458784 MRJ458784:MRM458784 NBF458784:NBI458784 NLB458784:NLE458784 NUX458784:NVA458784 OET458784:OEW458784 OOP458784:OOS458784 OYL458784:OYO458784 PIH458784:PIK458784 PSD458784:PSG458784 QBZ458784:QCC458784 QLV458784:QLY458784 QVR458784:QVU458784 RFN458784:RFQ458784 RPJ458784:RPM458784 RZF458784:RZI458784 SJB458784:SJE458784 SSX458784:STA458784 TCT458784:TCW458784 TMP458784:TMS458784 TWL458784:TWO458784 UGH458784:UGK458784 UQD458784:UQG458784 UZZ458784:VAC458784 VJV458784:VJY458784 VTR458784:VTU458784 WDN458784:WDQ458784 WNJ458784:WNM458784 WXF458784:WXI458784 AX524320:BA524320 KT524320:KW524320 UP524320:US524320 AEL524320:AEO524320 AOH524320:AOK524320 AYD524320:AYG524320 BHZ524320:BIC524320 BRV524320:BRY524320 CBR524320:CBU524320 CLN524320:CLQ524320 CVJ524320:CVM524320 DFF524320:DFI524320 DPB524320:DPE524320 DYX524320:DZA524320 EIT524320:EIW524320 ESP524320:ESS524320 FCL524320:FCO524320 FMH524320:FMK524320 FWD524320:FWG524320 GFZ524320:GGC524320 GPV524320:GPY524320 GZR524320:GZU524320 HJN524320:HJQ524320 HTJ524320:HTM524320 IDF524320:IDI524320 INB524320:INE524320 IWX524320:IXA524320 JGT524320:JGW524320 JQP524320:JQS524320 KAL524320:KAO524320 KKH524320:KKK524320 KUD524320:KUG524320 LDZ524320:LEC524320 LNV524320:LNY524320 LXR524320:LXU524320 MHN524320:MHQ524320 MRJ524320:MRM524320 NBF524320:NBI524320 NLB524320:NLE524320 NUX524320:NVA524320 OET524320:OEW524320 OOP524320:OOS524320 OYL524320:OYO524320 PIH524320:PIK524320 PSD524320:PSG524320 QBZ524320:QCC524320 QLV524320:QLY524320 QVR524320:QVU524320 RFN524320:RFQ524320 RPJ524320:RPM524320 RZF524320:RZI524320 SJB524320:SJE524320 SSX524320:STA524320 TCT524320:TCW524320 TMP524320:TMS524320 TWL524320:TWO524320 UGH524320:UGK524320 UQD524320:UQG524320 UZZ524320:VAC524320 VJV524320:VJY524320 VTR524320:VTU524320 WDN524320:WDQ524320 WNJ524320:WNM524320 WXF524320:WXI524320 AX589856:BA589856 KT589856:KW589856 UP589856:US589856 AEL589856:AEO589856 AOH589856:AOK589856 AYD589856:AYG589856 BHZ589856:BIC589856 BRV589856:BRY589856 CBR589856:CBU589856 CLN589856:CLQ589856 CVJ589856:CVM589856 DFF589856:DFI589856 DPB589856:DPE589856 DYX589856:DZA589856 EIT589856:EIW589856 ESP589856:ESS589856 FCL589856:FCO589856 FMH589856:FMK589856 FWD589856:FWG589856 GFZ589856:GGC589856 GPV589856:GPY589856 GZR589856:GZU589856 HJN589856:HJQ589856 HTJ589856:HTM589856 IDF589856:IDI589856 INB589856:INE589856 IWX589856:IXA589856 JGT589856:JGW589856 JQP589856:JQS589856 KAL589856:KAO589856 KKH589856:KKK589856 KUD589856:KUG589856 LDZ589856:LEC589856 LNV589856:LNY589856 LXR589856:LXU589856 MHN589856:MHQ589856 MRJ589856:MRM589856 NBF589856:NBI589856 NLB589856:NLE589856 NUX589856:NVA589856 OET589856:OEW589856 OOP589856:OOS589856 OYL589856:OYO589856 PIH589856:PIK589856 PSD589856:PSG589856 QBZ589856:QCC589856 QLV589856:QLY589856 QVR589856:QVU589856 RFN589856:RFQ589856 RPJ589856:RPM589856 RZF589856:RZI589856 SJB589856:SJE589856 SSX589856:STA589856 TCT589856:TCW589856 TMP589856:TMS589856 TWL589856:TWO589856 UGH589856:UGK589856 UQD589856:UQG589856 UZZ589856:VAC589856 VJV589856:VJY589856 VTR589856:VTU589856 WDN589856:WDQ589856 WNJ589856:WNM589856 WXF589856:WXI589856 AX655392:BA655392 KT655392:KW655392 UP655392:US655392 AEL655392:AEO655392 AOH655392:AOK655392 AYD655392:AYG655392 BHZ655392:BIC655392 BRV655392:BRY655392 CBR655392:CBU655392 CLN655392:CLQ655392 CVJ655392:CVM655392 DFF655392:DFI655392 DPB655392:DPE655392 DYX655392:DZA655392 EIT655392:EIW655392 ESP655392:ESS655392 FCL655392:FCO655392 FMH655392:FMK655392 FWD655392:FWG655392 GFZ655392:GGC655392 GPV655392:GPY655392 GZR655392:GZU655392 HJN655392:HJQ655392 HTJ655392:HTM655392 IDF655392:IDI655392 INB655392:INE655392 IWX655392:IXA655392 JGT655392:JGW655392 JQP655392:JQS655392 KAL655392:KAO655392 KKH655392:KKK655392 KUD655392:KUG655392 LDZ655392:LEC655392 LNV655392:LNY655392 LXR655392:LXU655392 MHN655392:MHQ655392 MRJ655392:MRM655392 NBF655392:NBI655392 NLB655392:NLE655392 NUX655392:NVA655392 OET655392:OEW655392 OOP655392:OOS655392 OYL655392:OYO655392 PIH655392:PIK655392 PSD655392:PSG655392 QBZ655392:QCC655392 QLV655392:QLY655392 QVR655392:QVU655392 RFN655392:RFQ655392 RPJ655392:RPM655392 RZF655392:RZI655392 SJB655392:SJE655392 SSX655392:STA655392 TCT655392:TCW655392 TMP655392:TMS655392 TWL655392:TWO655392 UGH655392:UGK655392 UQD655392:UQG655392 UZZ655392:VAC655392 VJV655392:VJY655392 VTR655392:VTU655392 WDN655392:WDQ655392 WNJ655392:WNM655392 WXF655392:WXI655392 AX720928:BA720928 KT720928:KW720928 UP720928:US720928 AEL720928:AEO720928 AOH720928:AOK720928 AYD720928:AYG720928 BHZ720928:BIC720928 BRV720928:BRY720928 CBR720928:CBU720928 CLN720928:CLQ720928 CVJ720928:CVM720928 DFF720928:DFI720928 DPB720928:DPE720928 DYX720928:DZA720928 EIT720928:EIW720928 ESP720928:ESS720928 FCL720928:FCO720928 FMH720928:FMK720928 FWD720928:FWG720928 GFZ720928:GGC720928 GPV720928:GPY720928 GZR720928:GZU720928 HJN720928:HJQ720928 HTJ720928:HTM720928 IDF720928:IDI720928 INB720928:INE720928 IWX720928:IXA720928 JGT720928:JGW720928 JQP720928:JQS720928 KAL720928:KAO720928 KKH720928:KKK720928 KUD720928:KUG720928 LDZ720928:LEC720928 LNV720928:LNY720928 LXR720928:LXU720928 MHN720928:MHQ720928 MRJ720928:MRM720928 NBF720928:NBI720928 NLB720928:NLE720928 NUX720928:NVA720928 OET720928:OEW720928 OOP720928:OOS720928 OYL720928:OYO720928 PIH720928:PIK720928 PSD720928:PSG720928 QBZ720928:QCC720928 QLV720928:QLY720928 QVR720928:QVU720928 RFN720928:RFQ720928 RPJ720928:RPM720928 RZF720928:RZI720928 SJB720928:SJE720928 SSX720928:STA720928 TCT720928:TCW720928 TMP720928:TMS720928 TWL720928:TWO720928 UGH720928:UGK720928 UQD720928:UQG720928 UZZ720928:VAC720928 VJV720928:VJY720928 VTR720928:VTU720928 WDN720928:WDQ720928 WNJ720928:WNM720928 WXF720928:WXI720928 AX786464:BA786464 KT786464:KW786464 UP786464:US786464 AEL786464:AEO786464 AOH786464:AOK786464 AYD786464:AYG786464 BHZ786464:BIC786464 BRV786464:BRY786464 CBR786464:CBU786464 CLN786464:CLQ786464 CVJ786464:CVM786464 DFF786464:DFI786464 DPB786464:DPE786464 DYX786464:DZA786464 EIT786464:EIW786464 ESP786464:ESS786464 FCL786464:FCO786464 FMH786464:FMK786464 FWD786464:FWG786464 GFZ786464:GGC786464 GPV786464:GPY786464 GZR786464:GZU786464 HJN786464:HJQ786464 HTJ786464:HTM786464 IDF786464:IDI786464 INB786464:INE786464 IWX786464:IXA786464 JGT786464:JGW786464 JQP786464:JQS786464 KAL786464:KAO786464 KKH786464:KKK786464 KUD786464:KUG786464 LDZ786464:LEC786464 LNV786464:LNY786464 LXR786464:LXU786464 MHN786464:MHQ786464 MRJ786464:MRM786464 NBF786464:NBI786464 NLB786464:NLE786464 NUX786464:NVA786464 OET786464:OEW786464 OOP786464:OOS786464 OYL786464:OYO786464 PIH786464:PIK786464 PSD786464:PSG786464 QBZ786464:QCC786464 QLV786464:QLY786464 QVR786464:QVU786464 RFN786464:RFQ786464 RPJ786464:RPM786464 RZF786464:RZI786464 SJB786464:SJE786464 SSX786464:STA786464 TCT786464:TCW786464 TMP786464:TMS786464 TWL786464:TWO786464 UGH786464:UGK786464 UQD786464:UQG786464 UZZ786464:VAC786464 VJV786464:VJY786464 VTR786464:VTU786464 WDN786464:WDQ786464 WNJ786464:WNM786464 WXF786464:WXI786464 AX852000:BA852000 KT852000:KW852000 UP852000:US852000 AEL852000:AEO852000 AOH852000:AOK852000 AYD852000:AYG852000 BHZ852000:BIC852000 BRV852000:BRY852000 CBR852000:CBU852000 CLN852000:CLQ852000 CVJ852000:CVM852000 DFF852000:DFI852000 DPB852000:DPE852000 DYX852000:DZA852000 EIT852000:EIW852000 ESP852000:ESS852000 FCL852000:FCO852000 FMH852000:FMK852000 FWD852000:FWG852000 GFZ852000:GGC852000 GPV852000:GPY852000 GZR852000:GZU852000 HJN852000:HJQ852000 HTJ852000:HTM852000 IDF852000:IDI852000 INB852000:INE852000 IWX852000:IXA852000 JGT852000:JGW852000 JQP852000:JQS852000 KAL852000:KAO852000 KKH852000:KKK852000 KUD852000:KUG852000 LDZ852000:LEC852000 LNV852000:LNY852000 LXR852000:LXU852000 MHN852000:MHQ852000 MRJ852000:MRM852000 NBF852000:NBI852000 NLB852000:NLE852000 NUX852000:NVA852000 OET852000:OEW852000 OOP852000:OOS852000 OYL852000:OYO852000 PIH852000:PIK852000 PSD852000:PSG852000 QBZ852000:QCC852000 QLV852000:QLY852000 QVR852000:QVU852000 RFN852000:RFQ852000 RPJ852000:RPM852000 RZF852000:RZI852000 SJB852000:SJE852000 SSX852000:STA852000 TCT852000:TCW852000 TMP852000:TMS852000 TWL852000:TWO852000 UGH852000:UGK852000 UQD852000:UQG852000 UZZ852000:VAC852000 VJV852000:VJY852000 VTR852000:VTU852000 WDN852000:WDQ852000 WNJ852000:WNM852000 WXF852000:WXI852000 AX917536:BA917536 KT917536:KW917536 UP917536:US917536 AEL917536:AEO917536 AOH917536:AOK917536 AYD917536:AYG917536 BHZ917536:BIC917536 BRV917536:BRY917536 CBR917536:CBU917536 CLN917536:CLQ917536 CVJ917536:CVM917536 DFF917536:DFI917536 DPB917536:DPE917536 DYX917536:DZA917536 EIT917536:EIW917536 ESP917536:ESS917536 FCL917536:FCO917536 FMH917536:FMK917536 FWD917536:FWG917536 GFZ917536:GGC917536 GPV917536:GPY917536 GZR917536:GZU917536 HJN917536:HJQ917536 HTJ917536:HTM917536 IDF917536:IDI917536 INB917536:INE917536 IWX917536:IXA917536 JGT917536:JGW917536 JQP917536:JQS917536 KAL917536:KAO917536 KKH917536:KKK917536 KUD917536:KUG917536 LDZ917536:LEC917536 LNV917536:LNY917536 LXR917536:LXU917536 MHN917536:MHQ917536 MRJ917536:MRM917536 NBF917536:NBI917536 NLB917536:NLE917536 NUX917536:NVA917536 OET917536:OEW917536 OOP917536:OOS917536 OYL917536:OYO917536 PIH917536:PIK917536 PSD917536:PSG917536 QBZ917536:QCC917536 QLV917536:QLY917536 QVR917536:QVU917536 RFN917536:RFQ917536 RPJ917536:RPM917536 RZF917536:RZI917536 SJB917536:SJE917536 SSX917536:STA917536 TCT917536:TCW917536 TMP917536:TMS917536 TWL917536:TWO917536 UGH917536:UGK917536 UQD917536:UQG917536 UZZ917536:VAC917536 VJV917536:VJY917536 VTR917536:VTU917536 WDN917536:WDQ917536 WNJ917536:WNM917536 WXF917536:WXI917536 AX983072:BA983072 KT983072:KW983072 UP983072:US983072 AEL983072:AEO983072 AOH983072:AOK983072 AYD983072:AYG983072 BHZ983072:BIC983072 BRV983072:BRY983072 CBR983072:CBU983072 CLN983072:CLQ983072 CVJ983072:CVM983072 DFF983072:DFI983072 DPB983072:DPE983072 DYX983072:DZA983072 EIT983072:EIW983072 ESP983072:ESS983072 FCL983072:FCO983072 FMH983072:FMK983072 FWD983072:FWG983072 GFZ983072:GGC983072 GPV983072:GPY983072 GZR983072:GZU983072 HJN983072:HJQ983072 HTJ983072:HTM983072 IDF983072:IDI983072 INB983072:INE983072 IWX983072:IXA983072 JGT983072:JGW983072 JQP983072:JQS983072 KAL983072:KAO983072 KKH983072:KKK983072 KUD983072:KUG983072 LDZ983072:LEC983072 LNV983072:LNY983072 LXR983072:LXU983072 MHN983072:MHQ983072 MRJ983072:MRM983072 NBF983072:NBI983072 NLB983072:NLE983072 NUX983072:NVA983072 OET983072:OEW983072 OOP983072:OOS983072 OYL983072:OYO983072 PIH983072:PIK983072 PSD983072:PSG983072 QBZ983072:QCC983072 QLV983072:QLY983072 QVR983072:QVU983072 RFN983072:RFQ983072 RPJ983072:RPM983072 RZF983072:RZI983072 SJB983072:SJE983072 SSX983072:STA983072 TCT983072:TCW983072 TMP983072:TMS983072 TWL983072:TWO983072 UGH983072:UGK983072 UQD983072:UQG983072 UZZ983072:VAC983072 VJV983072:VJY983072 VTR983072:VTU983072 WDN983072:WDQ983072 WNJ983072:WNM983072 WXF983072:WXI983072 BC31:BF31 KY31:LB31 UU31:UX31 AEQ31:AET31 AOM31:AOP31 AYI31:AYL31 BIE31:BIH31 BSA31:BSD31 CBW31:CBZ31 CLS31:CLV31 CVO31:CVR31 DFK31:DFN31 DPG31:DPJ31 DZC31:DZF31 EIY31:EJB31 ESU31:ESX31 FCQ31:FCT31 FMM31:FMP31 FWI31:FWL31 GGE31:GGH31 GQA31:GQD31 GZW31:GZZ31 HJS31:HJV31 HTO31:HTR31 IDK31:IDN31 ING31:INJ31 IXC31:IXF31 JGY31:JHB31 JQU31:JQX31 KAQ31:KAT31 KKM31:KKP31 KUI31:KUL31 LEE31:LEH31 LOA31:LOD31 LXW31:LXZ31 MHS31:MHV31 MRO31:MRR31 NBK31:NBN31 NLG31:NLJ31 NVC31:NVF31 OEY31:OFB31 OOU31:OOX31 OYQ31:OYT31 PIM31:PIP31 PSI31:PSL31 QCE31:QCH31 QMA31:QMD31 QVW31:QVZ31 RFS31:RFV31 RPO31:RPR31 RZK31:RZN31 SJG31:SJJ31 STC31:STF31 TCY31:TDB31 TMU31:TMX31 TWQ31:TWT31 UGM31:UGP31 UQI31:UQL31 VAE31:VAH31 VKA31:VKD31 VTW31:VTZ31 WDS31:WDV31 WNO31:WNR31 WXK31:WXN31 BC65568:BF65568 KY65568:LB65568 UU65568:UX65568 AEQ65568:AET65568 AOM65568:AOP65568 AYI65568:AYL65568 BIE65568:BIH65568 BSA65568:BSD65568 CBW65568:CBZ65568 CLS65568:CLV65568 CVO65568:CVR65568 DFK65568:DFN65568 DPG65568:DPJ65568 DZC65568:DZF65568 EIY65568:EJB65568 ESU65568:ESX65568 FCQ65568:FCT65568 FMM65568:FMP65568 FWI65568:FWL65568 GGE65568:GGH65568 GQA65568:GQD65568 GZW65568:GZZ65568 HJS65568:HJV65568 HTO65568:HTR65568 IDK65568:IDN65568 ING65568:INJ65568 IXC65568:IXF65568 JGY65568:JHB65568 JQU65568:JQX65568 KAQ65568:KAT65568 KKM65568:KKP65568 KUI65568:KUL65568 LEE65568:LEH65568 LOA65568:LOD65568 LXW65568:LXZ65568 MHS65568:MHV65568 MRO65568:MRR65568 NBK65568:NBN65568 NLG65568:NLJ65568 NVC65568:NVF65568 OEY65568:OFB65568 OOU65568:OOX65568 OYQ65568:OYT65568 PIM65568:PIP65568 PSI65568:PSL65568 QCE65568:QCH65568 QMA65568:QMD65568 QVW65568:QVZ65568 RFS65568:RFV65568 RPO65568:RPR65568 RZK65568:RZN65568 SJG65568:SJJ65568 STC65568:STF65568 TCY65568:TDB65568 TMU65568:TMX65568 TWQ65568:TWT65568 UGM65568:UGP65568 UQI65568:UQL65568 VAE65568:VAH65568 VKA65568:VKD65568 VTW65568:VTZ65568 WDS65568:WDV65568 WNO65568:WNR65568 WXK65568:WXN65568 BC131104:BF131104 KY131104:LB131104 UU131104:UX131104 AEQ131104:AET131104 AOM131104:AOP131104 AYI131104:AYL131104 BIE131104:BIH131104 BSA131104:BSD131104 CBW131104:CBZ131104 CLS131104:CLV131104 CVO131104:CVR131104 DFK131104:DFN131104 DPG131104:DPJ131104 DZC131104:DZF131104 EIY131104:EJB131104 ESU131104:ESX131104 FCQ131104:FCT131104 FMM131104:FMP131104 FWI131104:FWL131104 GGE131104:GGH131104 GQA131104:GQD131104 GZW131104:GZZ131104 HJS131104:HJV131104 HTO131104:HTR131104 IDK131104:IDN131104 ING131104:INJ131104 IXC131104:IXF131104 JGY131104:JHB131104 JQU131104:JQX131104 KAQ131104:KAT131104 KKM131104:KKP131104 KUI131104:KUL131104 LEE131104:LEH131104 LOA131104:LOD131104 LXW131104:LXZ131104 MHS131104:MHV131104 MRO131104:MRR131104 NBK131104:NBN131104 NLG131104:NLJ131104 NVC131104:NVF131104 OEY131104:OFB131104 OOU131104:OOX131104 OYQ131104:OYT131104 PIM131104:PIP131104 PSI131104:PSL131104 QCE131104:QCH131104 QMA131104:QMD131104 QVW131104:QVZ131104 RFS131104:RFV131104 RPO131104:RPR131104 RZK131104:RZN131104 SJG131104:SJJ131104 STC131104:STF131104 TCY131104:TDB131104 TMU131104:TMX131104 TWQ131104:TWT131104 UGM131104:UGP131104 UQI131104:UQL131104 VAE131104:VAH131104 VKA131104:VKD131104 VTW131104:VTZ131104 WDS131104:WDV131104 WNO131104:WNR131104 WXK131104:WXN131104 BC196640:BF196640 KY196640:LB196640 UU196640:UX196640 AEQ196640:AET196640 AOM196640:AOP196640 AYI196640:AYL196640 BIE196640:BIH196640 BSA196640:BSD196640 CBW196640:CBZ196640 CLS196640:CLV196640 CVO196640:CVR196640 DFK196640:DFN196640 DPG196640:DPJ196640 DZC196640:DZF196640 EIY196640:EJB196640 ESU196640:ESX196640 FCQ196640:FCT196640 FMM196640:FMP196640 FWI196640:FWL196640 GGE196640:GGH196640 GQA196640:GQD196640 GZW196640:GZZ196640 HJS196640:HJV196640 HTO196640:HTR196640 IDK196640:IDN196640 ING196640:INJ196640 IXC196640:IXF196640 JGY196640:JHB196640 JQU196640:JQX196640 KAQ196640:KAT196640 KKM196640:KKP196640 KUI196640:KUL196640 LEE196640:LEH196640 LOA196640:LOD196640 LXW196640:LXZ196640 MHS196640:MHV196640 MRO196640:MRR196640 NBK196640:NBN196640 NLG196640:NLJ196640 NVC196640:NVF196640 OEY196640:OFB196640 OOU196640:OOX196640 OYQ196640:OYT196640 PIM196640:PIP196640 PSI196640:PSL196640 QCE196640:QCH196640 QMA196640:QMD196640 QVW196640:QVZ196640 RFS196640:RFV196640 RPO196640:RPR196640 RZK196640:RZN196640 SJG196640:SJJ196640 STC196640:STF196640 TCY196640:TDB196640 TMU196640:TMX196640 TWQ196640:TWT196640 UGM196640:UGP196640 UQI196640:UQL196640 VAE196640:VAH196640 VKA196640:VKD196640 VTW196640:VTZ196640 WDS196640:WDV196640 WNO196640:WNR196640 WXK196640:WXN196640 BC262176:BF262176 KY262176:LB262176 UU262176:UX262176 AEQ262176:AET262176 AOM262176:AOP262176 AYI262176:AYL262176 BIE262176:BIH262176 BSA262176:BSD262176 CBW262176:CBZ262176 CLS262176:CLV262176 CVO262176:CVR262176 DFK262176:DFN262176 DPG262176:DPJ262176 DZC262176:DZF262176 EIY262176:EJB262176 ESU262176:ESX262176 FCQ262176:FCT262176 FMM262176:FMP262176 FWI262176:FWL262176 GGE262176:GGH262176 GQA262176:GQD262176 GZW262176:GZZ262176 HJS262176:HJV262176 HTO262176:HTR262176 IDK262176:IDN262176 ING262176:INJ262176 IXC262176:IXF262176 JGY262176:JHB262176 JQU262176:JQX262176 KAQ262176:KAT262176 KKM262176:KKP262176 KUI262176:KUL262176 LEE262176:LEH262176 LOA262176:LOD262176 LXW262176:LXZ262176 MHS262176:MHV262176 MRO262176:MRR262176 NBK262176:NBN262176 NLG262176:NLJ262176 NVC262176:NVF262176 OEY262176:OFB262176 OOU262176:OOX262176 OYQ262176:OYT262176 PIM262176:PIP262176 PSI262176:PSL262176 QCE262176:QCH262176 QMA262176:QMD262176 QVW262176:QVZ262176 RFS262176:RFV262176 RPO262176:RPR262176 RZK262176:RZN262176 SJG262176:SJJ262176 STC262176:STF262176 TCY262176:TDB262176 TMU262176:TMX262176 TWQ262176:TWT262176 UGM262176:UGP262176 UQI262176:UQL262176 VAE262176:VAH262176 VKA262176:VKD262176 VTW262176:VTZ262176 WDS262176:WDV262176 WNO262176:WNR262176 WXK262176:WXN262176 BC327712:BF327712 KY327712:LB327712 UU327712:UX327712 AEQ327712:AET327712 AOM327712:AOP327712 AYI327712:AYL327712 BIE327712:BIH327712 BSA327712:BSD327712 CBW327712:CBZ327712 CLS327712:CLV327712 CVO327712:CVR327712 DFK327712:DFN327712 DPG327712:DPJ327712 DZC327712:DZF327712 EIY327712:EJB327712 ESU327712:ESX327712 FCQ327712:FCT327712 FMM327712:FMP327712 FWI327712:FWL327712 GGE327712:GGH327712 GQA327712:GQD327712 GZW327712:GZZ327712 HJS327712:HJV327712 HTO327712:HTR327712 IDK327712:IDN327712 ING327712:INJ327712 IXC327712:IXF327712 JGY327712:JHB327712 JQU327712:JQX327712 KAQ327712:KAT327712 KKM327712:KKP327712 KUI327712:KUL327712 LEE327712:LEH327712 LOA327712:LOD327712 LXW327712:LXZ327712 MHS327712:MHV327712 MRO327712:MRR327712 NBK327712:NBN327712 NLG327712:NLJ327712 NVC327712:NVF327712 OEY327712:OFB327712 OOU327712:OOX327712 OYQ327712:OYT327712 PIM327712:PIP327712 PSI327712:PSL327712 QCE327712:QCH327712 QMA327712:QMD327712 QVW327712:QVZ327712 RFS327712:RFV327712 RPO327712:RPR327712 RZK327712:RZN327712 SJG327712:SJJ327712 STC327712:STF327712 TCY327712:TDB327712 TMU327712:TMX327712 TWQ327712:TWT327712 UGM327712:UGP327712 UQI327712:UQL327712 VAE327712:VAH327712 VKA327712:VKD327712 VTW327712:VTZ327712 WDS327712:WDV327712 WNO327712:WNR327712 WXK327712:WXN327712 BC393248:BF393248 KY393248:LB393248 UU393248:UX393248 AEQ393248:AET393248 AOM393248:AOP393248 AYI393248:AYL393248 BIE393248:BIH393248 BSA393248:BSD393248 CBW393248:CBZ393248 CLS393248:CLV393248 CVO393248:CVR393248 DFK393248:DFN393248 DPG393248:DPJ393248 DZC393248:DZF393248 EIY393248:EJB393248 ESU393248:ESX393248 FCQ393248:FCT393248 FMM393248:FMP393248 FWI393248:FWL393248 GGE393248:GGH393248 GQA393248:GQD393248 GZW393248:GZZ393248 HJS393248:HJV393248 HTO393248:HTR393248 IDK393248:IDN393248 ING393248:INJ393248 IXC393248:IXF393248 JGY393248:JHB393248 JQU393248:JQX393248 KAQ393248:KAT393248 KKM393248:KKP393248 KUI393248:KUL393248 LEE393248:LEH393248 LOA393248:LOD393248 LXW393248:LXZ393248 MHS393248:MHV393248 MRO393248:MRR393248 NBK393248:NBN393248 NLG393248:NLJ393248 NVC393248:NVF393248 OEY393248:OFB393248 OOU393248:OOX393248 OYQ393248:OYT393248 PIM393248:PIP393248 PSI393248:PSL393248 QCE393248:QCH393248 QMA393248:QMD393248 QVW393248:QVZ393248 RFS393248:RFV393248 RPO393248:RPR393248 RZK393248:RZN393248 SJG393248:SJJ393248 STC393248:STF393248 TCY393248:TDB393248 TMU393248:TMX393248 TWQ393248:TWT393248 UGM393248:UGP393248 UQI393248:UQL393248 VAE393248:VAH393248 VKA393248:VKD393248 VTW393248:VTZ393248 WDS393248:WDV393248 WNO393248:WNR393248 WXK393248:WXN393248 BC458784:BF458784 KY458784:LB458784 UU458784:UX458784 AEQ458784:AET458784 AOM458784:AOP458784 AYI458784:AYL458784 BIE458784:BIH458784 BSA458784:BSD458784 CBW458784:CBZ458784 CLS458784:CLV458784 CVO458784:CVR458784 DFK458784:DFN458784 DPG458784:DPJ458784 DZC458784:DZF458784 EIY458784:EJB458784 ESU458784:ESX458784 FCQ458784:FCT458784 FMM458784:FMP458784 FWI458784:FWL458784 GGE458784:GGH458784 GQA458784:GQD458784 GZW458784:GZZ458784 HJS458784:HJV458784 HTO458784:HTR458784 IDK458784:IDN458784 ING458784:INJ458784 IXC458784:IXF458784 JGY458784:JHB458784 JQU458784:JQX458784 KAQ458784:KAT458784 KKM458784:KKP458784 KUI458784:KUL458784 LEE458784:LEH458784 LOA458784:LOD458784 LXW458784:LXZ458784 MHS458784:MHV458784 MRO458784:MRR458784 NBK458784:NBN458784 NLG458784:NLJ458784 NVC458784:NVF458784 OEY458784:OFB458784 OOU458784:OOX458784 OYQ458784:OYT458784 PIM458784:PIP458784 PSI458784:PSL458784 QCE458784:QCH458784 QMA458784:QMD458784 QVW458784:QVZ458784 RFS458784:RFV458784 RPO458784:RPR458784 RZK458784:RZN458784 SJG458784:SJJ458784 STC458784:STF458784 TCY458784:TDB458784 TMU458784:TMX458784 TWQ458784:TWT458784 UGM458784:UGP458784 UQI458784:UQL458784 VAE458784:VAH458784 VKA458784:VKD458784 VTW458784:VTZ458784 WDS458784:WDV458784 WNO458784:WNR458784 WXK458784:WXN458784 BC524320:BF524320 KY524320:LB524320 UU524320:UX524320 AEQ524320:AET524320 AOM524320:AOP524320 AYI524320:AYL524320 BIE524320:BIH524320 BSA524320:BSD524320 CBW524320:CBZ524320 CLS524320:CLV524320 CVO524320:CVR524320 DFK524320:DFN524320 DPG524320:DPJ524320 DZC524320:DZF524320 EIY524320:EJB524320 ESU524320:ESX524320 FCQ524320:FCT524320 FMM524320:FMP524320 FWI524320:FWL524320 GGE524320:GGH524320 GQA524320:GQD524320 GZW524320:GZZ524320 HJS524320:HJV524320 HTO524320:HTR524320 IDK524320:IDN524320 ING524320:INJ524320 IXC524320:IXF524320 JGY524320:JHB524320 JQU524320:JQX524320 KAQ524320:KAT524320 KKM524320:KKP524320 KUI524320:KUL524320 LEE524320:LEH524320 LOA524320:LOD524320 LXW524320:LXZ524320 MHS524320:MHV524320 MRO524320:MRR524320 NBK524320:NBN524320 NLG524320:NLJ524320 NVC524320:NVF524320 OEY524320:OFB524320 OOU524320:OOX524320 OYQ524320:OYT524320 PIM524320:PIP524320 PSI524320:PSL524320 QCE524320:QCH524320 QMA524320:QMD524320 QVW524320:QVZ524320 RFS524320:RFV524320 RPO524320:RPR524320 RZK524320:RZN524320 SJG524320:SJJ524320 STC524320:STF524320 TCY524320:TDB524320 TMU524320:TMX524320 TWQ524320:TWT524320 UGM524320:UGP524320 UQI524320:UQL524320 VAE524320:VAH524320 VKA524320:VKD524320 VTW524320:VTZ524320 WDS524320:WDV524320 WNO524320:WNR524320 WXK524320:WXN524320 BC589856:BF589856 KY589856:LB589856 UU589856:UX589856 AEQ589856:AET589856 AOM589856:AOP589856 AYI589856:AYL589856 BIE589856:BIH589856 BSA589856:BSD589856 CBW589856:CBZ589856 CLS589856:CLV589856 CVO589856:CVR589856 DFK589856:DFN589856 DPG589856:DPJ589856 DZC589856:DZF589856 EIY589856:EJB589856 ESU589856:ESX589856 FCQ589856:FCT589856 FMM589856:FMP589856 FWI589856:FWL589856 GGE589856:GGH589856 GQA589856:GQD589856 GZW589856:GZZ589856 HJS589856:HJV589856 HTO589856:HTR589856 IDK589856:IDN589856 ING589856:INJ589856 IXC589856:IXF589856 JGY589856:JHB589856 JQU589856:JQX589856 KAQ589856:KAT589856 KKM589856:KKP589856 KUI589856:KUL589856 LEE589856:LEH589856 LOA589856:LOD589856 LXW589856:LXZ589856 MHS589856:MHV589856 MRO589856:MRR589856 NBK589856:NBN589856 NLG589856:NLJ589856 NVC589856:NVF589856 OEY589856:OFB589856 OOU589856:OOX589856 OYQ589856:OYT589856 PIM589856:PIP589856 PSI589856:PSL589856 QCE589856:QCH589856 QMA589856:QMD589856 QVW589856:QVZ589856 RFS589856:RFV589856 RPO589856:RPR589856 RZK589856:RZN589856 SJG589856:SJJ589856 STC589856:STF589856 TCY589856:TDB589856 TMU589856:TMX589856 TWQ589856:TWT589856 UGM589856:UGP589856 UQI589856:UQL589856 VAE589856:VAH589856 VKA589856:VKD589856 VTW589856:VTZ589856 WDS589856:WDV589856 WNO589856:WNR589856 WXK589856:WXN589856 BC655392:BF655392 KY655392:LB655392 UU655392:UX655392 AEQ655392:AET655392 AOM655392:AOP655392 AYI655392:AYL655392 BIE655392:BIH655392 BSA655392:BSD655392 CBW655392:CBZ655392 CLS655392:CLV655392 CVO655392:CVR655392 DFK655392:DFN655392 DPG655392:DPJ655392 DZC655392:DZF655392 EIY655392:EJB655392 ESU655392:ESX655392 FCQ655392:FCT655392 FMM655392:FMP655392 FWI655392:FWL655392 GGE655392:GGH655392 GQA655392:GQD655392 GZW655392:GZZ655392 HJS655392:HJV655392 HTO655392:HTR655392 IDK655392:IDN655392 ING655392:INJ655392 IXC655392:IXF655392 JGY655392:JHB655392 JQU655392:JQX655392 KAQ655392:KAT655392 KKM655392:KKP655392 KUI655392:KUL655392 LEE655392:LEH655392 LOA655392:LOD655392 LXW655392:LXZ655392 MHS655392:MHV655392 MRO655392:MRR655392 NBK655392:NBN655392 NLG655392:NLJ655392 NVC655392:NVF655392 OEY655392:OFB655392 OOU655392:OOX655392 OYQ655392:OYT655392 PIM655392:PIP655392 PSI655392:PSL655392 QCE655392:QCH655392 QMA655392:QMD655392 QVW655392:QVZ655392 RFS655392:RFV655392 RPO655392:RPR655392 RZK655392:RZN655392 SJG655392:SJJ655392 STC655392:STF655392 TCY655392:TDB655392 TMU655392:TMX655392 TWQ655392:TWT655392 UGM655392:UGP655392 UQI655392:UQL655392 VAE655392:VAH655392 VKA655392:VKD655392 VTW655392:VTZ655392 WDS655392:WDV655392 WNO655392:WNR655392 WXK655392:WXN655392 BC720928:BF720928 KY720928:LB720928 UU720928:UX720928 AEQ720928:AET720928 AOM720928:AOP720928 AYI720928:AYL720928 BIE720928:BIH720928 BSA720928:BSD720928 CBW720928:CBZ720928 CLS720928:CLV720928 CVO720928:CVR720928 DFK720928:DFN720928 DPG720928:DPJ720928 DZC720928:DZF720928 EIY720928:EJB720928 ESU720928:ESX720928 FCQ720928:FCT720928 FMM720928:FMP720928 FWI720928:FWL720928 GGE720928:GGH720928 GQA720928:GQD720928 GZW720928:GZZ720928 HJS720928:HJV720928 HTO720928:HTR720928 IDK720928:IDN720928 ING720928:INJ720928 IXC720928:IXF720928 JGY720928:JHB720928 JQU720928:JQX720928 KAQ720928:KAT720928 KKM720928:KKP720928 KUI720928:KUL720928 LEE720928:LEH720928 LOA720928:LOD720928 LXW720928:LXZ720928 MHS720928:MHV720928 MRO720928:MRR720928 NBK720928:NBN720928 NLG720928:NLJ720928 NVC720928:NVF720928 OEY720928:OFB720928 OOU720928:OOX720928 OYQ720928:OYT720928 PIM720928:PIP720928 PSI720928:PSL720928 QCE720928:QCH720928 QMA720928:QMD720928 QVW720928:QVZ720928 RFS720928:RFV720928 RPO720928:RPR720928 RZK720928:RZN720928 SJG720928:SJJ720928 STC720928:STF720928 TCY720928:TDB720928 TMU720928:TMX720928 TWQ720928:TWT720928 UGM720928:UGP720928 UQI720928:UQL720928 VAE720928:VAH720928 VKA720928:VKD720928 VTW720928:VTZ720928 WDS720928:WDV720928 WNO720928:WNR720928 WXK720928:WXN720928 BC786464:BF786464 KY786464:LB786464 UU786464:UX786464 AEQ786464:AET786464 AOM786464:AOP786464 AYI786464:AYL786464 BIE786464:BIH786464 BSA786464:BSD786464 CBW786464:CBZ786464 CLS786464:CLV786464 CVO786464:CVR786464 DFK786464:DFN786464 DPG786464:DPJ786464 DZC786464:DZF786464 EIY786464:EJB786464 ESU786464:ESX786464 FCQ786464:FCT786464 FMM786464:FMP786464 FWI786464:FWL786464 GGE786464:GGH786464 GQA786464:GQD786464 GZW786464:GZZ786464 HJS786464:HJV786464 HTO786464:HTR786464 IDK786464:IDN786464 ING786464:INJ786464 IXC786464:IXF786464 JGY786464:JHB786464 JQU786464:JQX786464 KAQ786464:KAT786464 KKM786464:KKP786464 KUI786464:KUL786464 LEE786464:LEH786464 LOA786464:LOD786464 LXW786464:LXZ786464 MHS786464:MHV786464 MRO786464:MRR786464 NBK786464:NBN786464 NLG786464:NLJ786464 NVC786464:NVF786464 OEY786464:OFB786464 OOU786464:OOX786464 OYQ786464:OYT786464 PIM786464:PIP786464 PSI786464:PSL786464 QCE786464:QCH786464 QMA786464:QMD786464 QVW786464:QVZ786464 RFS786464:RFV786464 RPO786464:RPR786464 RZK786464:RZN786464 SJG786464:SJJ786464 STC786464:STF786464 TCY786464:TDB786464 TMU786464:TMX786464 TWQ786464:TWT786464 UGM786464:UGP786464 UQI786464:UQL786464 VAE786464:VAH786464 VKA786464:VKD786464 VTW786464:VTZ786464 WDS786464:WDV786464 WNO786464:WNR786464 WXK786464:WXN786464 BC852000:BF852000 KY852000:LB852000 UU852000:UX852000 AEQ852000:AET852000 AOM852000:AOP852000 AYI852000:AYL852000 BIE852000:BIH852000 BSA852000:BSD852000 CBW852000:CBZ852000 CLS852000:CLV852000 CVO852000:CVR852000 DFK852000:DFN852000 DPG852000:DPJ852000 DZC852000:DZF852000 EIY852000:EJB852000 ESU852000:ESX852000 FCQ852000:FCT852000 FMM852000:FMP852000 FWI852000:FWL852000 GGE852000:GGH852000 GQA852000:GQD852000 GZW852000:GZZ852000 HJS852000:HJV852000 HTO852000:HTR852000 IDK852000:IDN852000 ING852000:INJ852000 IXC852000:IXF852000 JGY852000:JHB852000 JQU852000:JQX852000 KAQ852000:KAT852000 KKM852000:KKP852000 KUI852000:KUL852000 LEE852000:LEH852000 LOA852000:LOD852000 LXW852000:LXZ852000 MHS852000:MHV852000 MRO852000:MRR852000 NBK852000:NBN852000 NLG852000:NLJ852000 NVC852000:NVF852000 OEY852000:OFB852000 OOU852000:OOX852000 OYQ852000:OYT852000 PIM852000:PIP852000 PSI852000:PSL852000 QCE852000:QCH852000 QMA852000:QMD852000 QVW852000:QVZ852000 RFS852000:RFV852000 RPO852000:RPR852000 RZK852000:RZN852000 SJG852000:SJJ852000 STC852000:STF852000 TCY852000:TDB852000 TMU852000:TMX852000 TWQ852000:TWT852000 UGM852000:UGP852000 UQI852000:UQL852000 VAE852000:VAH852000 VKA852000:VKD852000 VTW852000:VTZ852000 WDS852000:WDV852000 WNO852000:WNR852000 WXK852000:WXN852000 BC917536:BF917536 KY917536:LB917536 UU917536:UX917536 AEQ917536:AET917536 AOM917536:AOP917536 AYI917536:AYL917536 BIE917536:BIH917536 BSA917536:BSD917536 CBW917536:CBZ917536 CLS917536:CLV917536 CVO917536:CVR917536 DFK917536:DFN917536 DPG917536:DPJ917536 DZC917536:DZF917536 EIY917536:EJB917536 ESU917536:ESX917536 FCQ917536:FCT917536 FMM917536:FMP917536 FWI917536:FWL917536 GGE917536:GGH917536 GQA917536:GQD917536 GZW917536:GZZ917536 HJS917536:HJV917536 HTO917536:HTR917536 IDK917536:IDN917536 ING917536:INJ917536 IXC917536:IXF917536 JGY917536:JHB917536 JQU917536:JQX917536 KAQ917536:KAT917536 KKM917536:KKP917536 KUI917536:KUL917536 LEE917536:LEH917536 LOA917536:LOD917536 LXW917536:LXZ917536 MHS917536:MHV917536 MRO917536:MRR917536 NBK917536:NBN917536 NLG917536:NLJ917536 NVC917536:NVF917536 OEY917536:OFB917536 OOU917536:OOX917536 OYQ917536:OYT917536 PIM917536:PIP917536 PSI917536:PSL917536 QCE917536:QCH917536 QMA917536:QMD917536 QVW917536:QVZ917536 RFS917536:RFV917536 RPO917536:RPR917536 RZK917536:RZN917536 SJG917536:SJJ917536 STC917536:STF917536 TCY917536:TDB917536 TMU917536:TMX917536 TWQ917536:TWT917536 UGM917536:UGP917536 UQI917536:UQL917536 VAE917536:VAH917536 VKA917536:VKD917536 VTW917536:VTZ917536 WDS917536:WDV917536 WNO917536:WNR917536 WXK917536:WXN917536 BC983072:BF983072 KY983072:LB983072 UU983072:UX983072 AEQ983072:AET983072 AOM983072:AOP983072 AYI983072:AYL983072 BIE983072:BIH983072 BSA983072:BSD983072 CBW983072:CBZ983072 CLS983072:CLV983072 CVO983072:CVR983072 DFK983072:DFN983072 DPG983072:DPJ983072 DZC983072:DZF983072 EIY983072:EJB983072 ESU983072:ESX983072 FCQ983072:FCT983072 FMM983072:FMP983072 FWI983072:FWL983072 GGE983072:GGH983072 GQA983072:GQD983072 GZW983072:GZZ983072 HJS983072:HJV983072 HTO983072:HTR983072 IDK983072:IDN983072 ING983072:INJ983072 IXC983072:IXF983072 JGY983072:JHB983072 JQU983072:JQX983072 KAQ983072:KAT983072 KKM983072:KKP983072 KUI983072:KUL983072 LEE983072:LEH983072 LOA983072:LOD983072 LXW983072:LXZ983072 MHS983072:MHV983072 MRO983072:MRR983072 NBK983072:NBN983072 NLG983072:NLJ983072 NVC983072:NVF983072 OEY983072:OFB983072 OOU983072:OOX983072 OYQ983072:OYT983072 PIM983072:PIP983072 PSI983072:PSL983072 QCE983072:QCH983072 QMA983072:QMD983072 QVW983072:QVZ983072 RFS983072:RFV983072 RPO983072:RPR983072 RZK983072:RZN983072 SJG983072:SJJ983072 STC983072:STF983072 TCY983072:TDB983072 TMU983072:TMX983072 TWQ983072:TWT983072 UGM983072:UGP983072 UQI983072:UQL983072 VAE983072:VAH983072 VKA983072:VKD983072 VTW983072:VTZ983072 WDS983072:WDV983072 WNO983072:WNR983072 WXK983072:WXN983072 AM37:AM48 KI36:LB48 UE36:UX48 AEA36:AET48 ANW36:AOP48 AXS36:AYL48 BHO36:BIH48 BRK36:BSD48 CBG36:CBZ48 CLC36:CLV48 CUY36:CVR48 DEU36:DFN48 DOQ36:DPJ48 DYM36:DZF48 EII36:EJB48 ESE36:ESX48 FCA36:FCT48 FLW36:FMP48 FVS36:FWL48 GFO36:GGH48 GPK36:GQD48 GZG36:GZZ48 HJC36:HJV48 HSY36:HTR48 ICU36:IDN48 IMQ36:INJ48 IWM36:IXF48 JGI36:JHB48 JQE36:JQX48 KAA36:KAT48 KJW36:KKP48 KTS36:KUL48 LDO36:LEH48 LNK36:LOD48 LXG36:LXZ48 MHC36:MHV48 MQY36:MRR48 NAU36:NBN48 NKQ36:NLJ48 NUM36:NVF48 OEI36:OFB48 OOE36:OOX48 OYA36:OYT48 PHW36:PIP48 PRS36:PSL48 QBO36:QCH48 QLK36:QMD48 QVG36:QVZ48 RFC36:RFV48 ROY36:RPR48 RYU36:RZN48 SIQ36:SJJ48 SSM36:STF48 TCI36:TDB48 TME36:TMX48 TWA36:TWT48 UFW36:UGP48 UPS36:UQL48 UZO36:VAH48 VJK36:VKD48 VTG36:VTZ48 WDC36:WDV48 WMY36:WNR48 WWU36:WXN48 AM65573:BF65585 KI65573:LB65585 UE65573:UX65585 AEA65573:AET65585 ANW65573:AOP65585 AXS65573:AYL65585 BHO65573:BIH65585 BRK65573:BSD65585 CBG65573:CBZ65585 CLC65573:CLV65585 CUY65573:CVR65585 DEU65573:DFN65585 DOQ65573:DPJ65585 DYM65573:DZF65585 EII65573:EJB65585 ESE65573:ESX65585 FCA65573:FCT65585 FLW65573:FMP65585 FVS65573:FWL65585 GFO65573:GGH65585 GPK65573:GQD65585 GZG65573:GZZ65585 HJC65573:HJV65585 HSY65573:HTR65585 ICU65573:IDN65585 IMQ65573:INJ65585 IWM65573:IXF65585 JGI65573:JHB65585 JQE65573:JQX65585 KAA65573:KAT65585 KJW65573:KKP65585 KTS65573:KUL65585 LDO65573:LEH65585 LNK65573:LOD65585 LXG65573:LXZ65585 MHC65573:MHV65585 MQY65573:MRR65585 NAU65573:NBN65585 NKQ65573:NLJ65585 NUM65573:NVF65585 OEI65573:OFB65585 OOE65573:OOX65585 OYA65573:OYT65585 PHW65573:PIP65585 PRS65573:PSL65585 QBO65573:QCH65585 QLK65573:QMD65585 QVG65573:QVZ65585 RFC65573:RFV65585 ROY65573:RPR65585 RYU65573:RZN65585 SIQ65573:SJJ65585 SSM65573:STF65585 TCI65573:TDB65585 TME65573:TMX65585 TWA65573:TWT65585 UFW65573:UGP65585 UPS65573:UQL65585 UZO65573:VAH65585 VJK65573:VKD65585 VTG65573:VTZ65585 WDC65573:WDV65585 WMY65573:WNR65585 WWU65573:WXN65585 AM131109:BF131121 KI131109:LB131121 UE131109:UX131121 AEA131109:AET131121 ANW131109:AOP131121 AXS131109:AYL131121 BHO131109:BIH131121 BRK131109:BSD131121 CBG131109:CBZ131121 CLC131109:CLV131121 CUY131109:CVR131121 DEU131109:DFN131121 DOQ131109:DPJ131121 DYM131109:DZF131121 EII131109:EJB131121 ESE131109:ESX131121 FCA131109:FCT131121 FLW131109:FMP131121 FVS131109:FWL131121 GFO131109:GGH131121 GPK131109:GQD131121 GZG131109:GZZ131121 HJC131109:HJV131121 HSY131109:HTR131121 ICU131109:IDN131121 IMQ131109:INJ131121 IWM131109:IXF131121 JGI131109:JHB131121 JQE131109:JQX131121 KAA131109:KAT131121 KJW131109:KKP131121 KTS131109:KUL131121 LDO131109:LEH131121 LNK131109:LOD131121 LXG131109:LXZ131121 MHC131109:MHV131121 MQY131109:MRR131121 NAU131109:NBN131121 NKQ131109:NLJ131121 NUM131109:NVF131121 OEI131109:OFB131121 OOE131109:OOX131121 OYA131109:OYT131121 PHW131109:PIP131121 PRS131109:PSL131121 QBO131109:QCH131121 QLK131109:QMD131121 QVG131109:QVZ131121 RFC131109:RFV131121 ROY131109:RPR131121 RYU131109:RZN131121 SIQ131109:SJJ131121 SSM131109:STF131121 TCI131109:TDB131121 TME131109:TMX131121 TWA131109:TWT131121 UFW131109:UGP131121 UPS131109:UQL131121 UZO131109:VAH131121 VJK131109:VKD131121 VTG131109:VTZ131121 WDC131109:WDV131121 WMY131109:WNR131121 WWU131109:WXN131121 AM196645:BF196657 KI196645:LB196657 UE196645:UX196657 AEA196645:AET196657 ANW196645:AOP196657 AXS196645:AYL196657 BHO196645:BIH196657 BRK196645:BSD196657 CBG196645:CBZ196657 CLC196645:CLV196657 CUY196645:CVR196657 DEU196645:DFN196657 DOQ196645:DPJ196657 DYM196645:DZF196657 EII196645:EJB196657 ESE196645:ESX196657 FCA196645:FCT196657 FLW196645:FMP196657 FVS196645:FWL196657 GFO196645:GGH196657 GPK196645:GQD196657 GZG196645:GZZ196657 HJC196645:HJV196657 HSY196645:HTR196657 ICU196645:IDN196657 IMQ196645:INJ196657 IWM196645:IXF196657 JGI196645:JHB196657 JQE196645:JQX196657 KAA196645:KAT196657 KJW196645:KKP196657 KTS196645:KUL196657 LDO196645:LEH196657 LNK196645:LOD196657 LXG196645:LXZ196657 MHC196645:MHV196657 MQY196645:MRR196657 NAU196645:NBN196657 NKQ196645:NLJ196657 NUM196645:NVF196657 OEI196645:OFB196657 OOE196645:OOX196657 OYA196645:OYT196657 PHW196645:PIP196657 PRS196645:PSL196657 QBO196645:QCH196657 QLK196645:QMD196657 QVG196645:QVZ196657 RFC196645:RFV196657 ROY196645:RPR196657 RYU196645:RZN196657 SIQ196645:SJJ196657 SSM196645:STF196657 TCI196645:TDB196657 TME196645:TMX196657 TWA196645:TWT196657 UFW196645:UGP196657 UPS196645:UQL196657 UZO196645:VAH196657 VJK196645:VKD196657 VTG196645:VTZ196657 WDC196645:WDV196657 WMY196645:WNR196657 WWU196645:WXN196657 AM262181:BF262193 KI262181:LB262193 UE262181:UX262193 AEA262181:AET262193 ANW262181:AOP262193 AXS262181:AYL262193 BHO262181:BIH262193 BRK262181:BSD262193 CBG262181:CBZ262193 CLC262181:CLV262193 CUY262181:CVR262193 DEU262181:DFN262193 DOQ262181:DPJ262193 DYM262181:DZF262193 EII262181:EJB262193 ESE262181:ESX262193 FCA262181:FCT262193 FLW262181:FMP262193 FVS262181:FWL262193 GFO262181:GGH262193 GPK262181:GQD262193 GZG262181:GZZ262193 HJC262181:HJV262193 HSY262181:HTR262193 ICU262181:IDN262193 IMQ262181:INJ262193 IWM262181:IXF262193 JGI262181:JHB262193 JQE262181:JQX262193 KAA262181:KAT262193 KJW262181:KKP262193 KTS262181:KUL262193 LDO262181:LEH262193 LNK262181:LOD262193 LXG262181:LXZ262193 MHC262181:MHV262193 MQY262181:MRR262193 NAU262181:NBN262193 NKQ262181:NLJ262193 NUM262181:NVF262193 OEI262181:OFB262193 OOE262181:OOX262193 OYA262181:OYT262193 PHW262181:PIP262193 PRS262181:PSL262193 QBO262181:QCH262193 QLK262181:QMD262193 QVG262181:QVZ262193 RFC262181:RFV262193 ROY262181:RPR262193 RYU262181:RZN262193 SIQ262181:SJJ262193 SSM262181:STF262193 TCI262181:TDB262193 TME262181:TMX262193 TWA262181:TWT262193 UFW262181:UGP262193 UPS262181:UQL262193 UZO262181:VAH262193 VJK262181:VKD262193 VTG262181:VTZ262193 WDC262181:WDV262193 WMY262181:WNR262193 WWU262181:WXN262193 AM327717:BF327729 KI327717:LB327729 UE327717:UX327729 AEA327717:AET327729 ANW327717:AOP327729 AXS327717:AYL327729 BHO327717:BIH327729 BRK327717:BSD327729 CBG327717:CBZ327729 CLC327717:CLV327729 CUY327717:CVR327729 DEU327717:DFN327729 DOQ327717:DPJ327729 DYM327717:DZF327729 EII327717:EJB327729 ESE327717:ESX327729 FCA327717:FCT327729 FLW327717:FMP327729 FVS327717:FWL327729 GFO327717:GGH327729 GPK327717:GQD327729 GZG327717:GZZ327729 HJC327717:HJV327729 HSY327717:HTR327729 ICU327717:IDN327729 IMQ327717:INJ327729 IWM327717:IXF327729 JGI327717:JHB327729 JQE327717:JQX327729 KAA327717:KAT327729 KJW327717:KKP327729 KTS327717:KUL327729 LDO327717:LEH327729 LNK327717:LOD327729 LXG327717:LXZ327729 MHC327717:MHV327729 MQY327717:MRR327729 NAU327717:NBN327729 NKQ327717:NLJ327729 NUM327717:NVF327729 OEI327717:OFB327729 OOE327717:OOX327729 OYA327717:OYT327729 PHW327717:PIP327729 PRS327717:PSL327729 QBO327717:QCH327729 QLK327717:QMD327729 QVG327717:QVZ327729 RFC327717:RFV327729 ROY327717:RPR327729 RYU327717:RZN327729 SIQ327717:SJJ327729 SSM327717:STF327729 TCI327717:TDB327729 TME327717:TMX327729 TWA327717:TWT327729 UFW327717:UGP327729 UPS327717:UQL327729 UZO327717:VAH327729 VJK327717:VKD327729 VTG327717:VTZ327729 WDC327717:WDV327729 WMY327717:WNR327729 WWU327717:WXN327729 AM393253:BF393265 KI393253:LB393265 UE393253:UX393265 AEA393253:AET393265 ANW393253:AOP393265 AXS393253:AYL393265 BHO393253:BIH393265 BRK393253:BSD393265 CBG393253:CBZ393265 CLC393253:CLV393265 CUY393253:CVR393265 DEU393253:DFN393265 DOQ393253:DPJ393265 DYM393253:DZF393265 EII393253:EJB393265 ESE393253:ESX393265 FCA393253:FCT393265 FLW393253:FMP393265 FVS393253:FWL393265 GFO393253:GGH393265 GPK393253:GQD393265 GZG393253:GZZ393265 HJC393253:HJV393265 HSY393253:HTR393265 ICU393253:IDN393265 IMQ393253:INJ393265 IWM393253:IXF393265 JGI393253:JHB393265 JQE393253:JQX393265 KAA393253:KAT393265 KJW393253:KKP393265 KTS393253:KUL393265 LDO393253:LEH393265 LNK393253:LOD393265 LXG393253:LXZ393265 MHC393253:MHV393265 MQY393253:MRR393265 NAU393253:NBN393265 NKQ393253:NLJ393265 NUM393253:NVF393265 OEI393253:OFB393265 OOE393253:OOX393265 OYA393253:OYT393265 PHW393253:PIP393265 PRS393253:PSL393265 QBO393253:QCH393265 QLK393253:QMD393265 QVG393253:QVZ393265 RFC393253:RFV393265 ROY393253:RPR393265 RYU393253:RZN393265 SIQ393253:SJJ393265 SSM393253:STF393265 TCI393253:TDB393265 TME393253:TMX393265 TWA393253:TWT393265 UFW393253:UGP393265 UPS393253:UQL393265 UZO393253:VAH393265 VJK393253:VKD393265 VTG393253:VTZ393265 WDC393253:WDV393265 WMY393253:WNR393265 WWU393253:WXN393265 AM458789:BF458801 KI458789:LB458801 UE458789:UX458801 AEA458789:AET458801 ANW458789:AOP458801 AXS458789:AYL458801 BHO458789:BIH458801 BRK458789:BSD458801 CBG458789:CBZ458801 CLC458789:CLV458801 CUY458789:CVR458801 DEU458789:DFN458801 DOQ458789:DPJ458801 DYM458789:DZF458801 EII458789:EJB458801 ESE458789:ESX458801 FCA458789:FCT458801 FLW458789:FMP458801 FVS458789:FWL458801 GFO458789:GGH458801 GPK458789:GQD458801 GZG458789:GZZ458801 HJC458789:HJV458801 HSY458789:HTR458801 ICU458789:IDN458801 IMQ458789:INJ458801 IWM458789:IXF458801 JGI458789:JHB458801 JQE458789:JQX458801 KAA458789:KAT458801 KJW458789:KKP458801 KTS458789:KUL458801 LDO458789:LEH458801 LNK458789:LOD458801 LXG458789:LXZ458801 MHC458789:MHV458801 MQY458789:MRR458801 NAU458789:NBN458801 NKQ458789:NLJ458801 NUM458789:NVF458801 OEI458789:OFB458801 OOE458789:OOX458801 OYA458789:OYT458801 PHW458789:PIP458801 PRS458789:PSL458801 QBO458789:QCH458801 QLK458789:QMD458801 QVG458789:QVZ458801 RFC458789:RFV458801 ROY458789:RPR458801 RYU458789:RZN458801 SIQ458789:SJJ458801 SSM458789:STF458801 TCI458789:TDB458801 TME458789:TMX458801 TWA458789:TWT458801 UFW458789:UGP458801 UPS458789:UQL458801 UZO458789:VAH458801 VJK458789:VKD458801 VTG458789:VTZ458801 WDC458789:WDV458801 WMY458789:WNR458801 WWU458789:WXN458801 AM524325:BF524337 KI524325:LB524337 UE524325:UX524337 AEA524325:AET524337 ANW524325:AOP524337 AXS524325:AYL524337 BHO524325:BIH524337 BRK524325:BSD524337 CBG524325:CBZ524337 CLC524325:CLV524337 CUY524325:CVR524337 DEU524325:DFN524337 DOQ524325:DPJ524337 DYM524325:DZF524337 EII524325:EJB524337 ESE524325:ESX524337 FCA524325:FCT524337 FLW524325:FMP524337 FVS524325:FWL524337 GFO524325:GGH524337 GPK524325:GQD524337 GZG524325:GZZ524337 HJC524325:HJV524337 HSY524325:HTR524337 ICU524325:IDN524337 IMQ524325:INJ524337 IWM524325:IXF524337 JGI524325:JHB524337 JQE524325:JQX524337 KAA524325:KAT524337 KJW524325:KKP524337 KTS524325:KUL524337 LDO524325:LEH524337 LNK524325:LOD524337 LXG524325:LXZ524337 MHC524325:MHV524337 MQY524325:MRR524337 NAU524325:NBN524337 NKQ524325:NLJ524337 NUM524325:NVF524337 OEI524325:OFB524337 OOE524325:OOX524337 OYA524325:OYT524337 PHW524325:PIP524337 PRS524325:PSL524337 QBO524325:QCH524337 QLK524325:QMD524337 QVG524325:QVZ524337 RFC524325:RFV524337 ROY524325:RPR524337 RYU524325:RZN524337 SIQ524325:SJJ524337 SSM524325:STF524337 TCI524325:TDB524337 TME524325:TMX524337 TWA524325:TWT524337 UFW524325:UGP524337 UPS524325:UQL524337 UZO524325:VAH524337 VJK524325:VKD524337 VTG524325:VTZ524337 WDC524325:WDV524337 WMY524325:WNR524337 WWU524325:WXN524337 AM589861:BF589873 KI589861:LB589873 UE589861:UX589873 AEA589861:AET589873 ANW589861:AOP589873 AXS589861:AYL589873 BHO589861:BIH589873 BRK589861:BSD589873 CBG589861:CBZ589873 CLC589861:CLV589873 CUY589861:CVR589873 DEU589861:DFN589873 DOQ589861:DPJ589873 DYM589861:DZF589873 EII589861:EJB589873 ESE589861:ESX589873 FCA589861:FCT589873 FLW589861:FMP589873 FVS589861:FWL589873 GFO589861:GGH589873 GPK589861:GQD589873 GZG589861:GZZ589873 HJC589861:HJV589873 HSY589861:HTR589873 ICU589861:IDN589873 IMQ589861:INJ589873 IWM589861:IXF589873 JGI589861:JHB589873 JQE589861:JQX589873 KAA589861:KAT589873 KJW589861:KKP589873 KTS589861:KUL589873 LDO589861:LEH589873 LNK589861:LOD589873 LXG589861:LXZ589873 MHC589861:MHV589873 MQY589861:MRR589873 NAU589861:NBN589873 NKQ589861:NLJ589873 NUM589861:NVF589873 OEI589861:OFB589873 OOE589861:OOX589873 OYA589861:OYT589873 PHW589861:PIP589873 PRS589861:PSL589873 QBO589861:QCH589873 QLK589861:QMD589873 QVG589861:QVZ589873 RFC589861:RFV589873 ROY589861:RPR589873 RYU589861:RZN589873 SIQ589861:SJJ589873 SSM589861:STF589873 TCI589861:TDB589873 TME589861:TMX589873 TWA589861:TWT589873 UFW589861:UGP589873 UPS589861:UQL589873 UZO589861:VAH589873 VJK589861:VKD589873 VTG589861:VTZ589873 WDC589861:WDV589873 WMY589861:WNR589873 WWU589861:WXN589873 AM655397:BF655409 KI655397:LB655409 UE655397:UX655409 AEA655397:AET655409 ANW655397:AOP655409 AXS655397:AYL655409 BHO655397:BIH655409 BRK655397:BSD655409 CBG655397:CBZ655409 CLC655397:CLV655409 CUY655397:CVR655409 DEU655397:DFN655409 DOQ655397:DPJ655409 DYM655397:DZF655409 EII655397:EJB655409 ESE655397:ESX655409 FCA655397:FCT655409 FLW655397:FMP655409 FVS655397:FWL655409 GFO655397:GGH655409 GPK655397:GQD655409 GZG655397:GZZ655409 HJC655397:HJV655409 HSY655397:HTR655409 ICU655397:IDN655409 IMQ655397:INJ655409 IWM655397:IXF655409 JGI655397:JHB655409 JQE655397:JQX655409 KAA655397:KAT655409 KJW655397:KKP655409 KTS655397:KUL655409 LDO655397:LEH655409 LNK655397:LOD655409 LXG655397:LXZ655409 MHC655397:MHV655409 MQY655397:MRR655409 NAU655397:NBN655409 NKQ655397:NLJ655409 NUM655397:NVF655409 OEI655397:OFB655409 OOE655397:OOX655409 OYA655397:OYT655409 PHW655397:PIP655409 PRS655397:PSL655409 QBO655397:QCH655409 QLK655397:QMD655409 QVG655397:QVZ655409 RFC655397:RFV655409 ROY655397:RPR655409 RYU655397:RZN655409 SIQ655397:SJJ655409 SSM655397:STF655409 TCI655397:TDB655409 TME655397:TMX655409 TWA655397:TWT655409 UFW655397:UGP655409 UPS655397:UQL655409 UZO655397:VAH655409 VJK655397:VKD655409 VTG655397:VTZ655409 WDC655397:WDV655409 WMY655397:WNR655409 WWU655397:WXN655409 AM720933:BF720945 KI720933:LB720945 UE720933:UX720945 AEA720933:AET720945 ANW720933:AOP720945 AXS720933:AYL720945 BHO720933:BIH720945 BRK720933:BSD720945 CBG720933:CBZ720945 CLC720933:CLV720945 CUY720933:CVR720945 DEU720933:DFN720945 DOQ720933:DPJ720945 DYM720933:DZF720945 EII720933:EJB720945 ESE720933:ESX720945 FCA720933:FCT720945 FLW720933:FMP720945 FVS720933:FWL720945 GFO720933:GGH720945 GPK720933:GQD720945 GZG720933:GZZ720945 HJC720933:HJV720945 HSY720933:HTR720945 ICU720933:IDN720945 IMQ720933:INJ720945 IWM720933:IXF720945 JGI720933:JHB720945 JQE720933:JQX720945 KAA720933:KAT720945 KJW720933:KKP720945 KTS720933:KUL720945 LDO720933:LEH720945 LNK720933:LOD720945 LXG720933:LXZ720945 MHC720933:MHV720945 MQY720933:MRR720945 NAU720933:NBN720945 NKQ720933:NLJ720945 NUM720933:NVF720945 OEI720933:OFB720945 OOE720933:OOX720945 OYA720933:OYT720945 PHW720933:PIP720945 PRS720933:PSL720945 QBO720933:QCH720945 QLK720933:QMD720945 QVG720933:QVZ720945 RFC720933:RFV720945 ROY720933:RPR720945 RYU720933:RZN720945 SIQ720933:SJJ720945 SSM720933:STF720945 TCI720933:TDB720945 TME720933:TMX720945 TWA720933:TWT720945 UFW720933:UGP720945 UPS720933:UQL720945 UZO720933:VAH720945 VJK720933:VKD720945 VTG720933:VTZ720945 WDC720933:WDV720945 WMY720933:WNR720945 WWU720933:WXN720945 AM786469:BF786481 KI786469:LB786481 UE786469:UX786481 AEA786469:AET786481 ANW786469:AOP786481 AXS786469:AYL786481 BHO786469:BIH786481 BRK786469:BSD786481 CBG786469:CBZ786481 CLC786469:CLV786481 CUY786469:CVR786481 DEU786469:DFN786481 DOQ786469:DPJ786481 DYM786469:DZF786481 EII786469:EJB786481 ESE786469:ESX786481 FCA786469:FCT786481 FLW786469:FMP786481 FVS786469:FWL786481 GFO786469:GGH786481 GPK786469:GQD786481 GZG786469:GZZ786481 HJC786469:HJV786481 HSY786469:HTR786481 ICU786469:IDN786481 IMQ786469:INJ786481 IWM786469:IXF786481 JGI786469:JHB786481 JQE786469:JQX786481 KAA786469:KAT786481 KJW786469:KKP786481 KTS786469:KUL786481 LDO786469:LEH786481 LNK786469:LOD786481 LXG786469:LXZ786481 MHC786469:MHV786481 MQY786469:MRR786481 NAU786469:NBN786481 NKQ786469:NLJ786481 NUM786469:NVF786481 OEI786469:OFB786481 OOE786469:OOX786481 OYA786469:OYT786481 PHW786469:PIP786481 PRS786469:PSL786481 QBO786469:QCH786481 QLK786469:QMD786481 QVG786469:QVZ786481 RFC786469:RFV786481 ROY786469:RPR786481 RYU786469:RZN786481 SIQ786469:SJJ786481 SSM786469:STF786481 TCI786469:TDB786481 TME786469:TMX786481 TWA786469:TWT786481 UFW786469:UGP786481 UPS786469:UQL786481 UZO786469:VAH786481 VJK786469:VKD786481 VTG786469:VTZ786481 WDC786469:WDV786481 WMY786469:WNR786481 WWU786469:WXN786481 AM852005:BF852017 KI852005:LB852017 UE852005:UX852017 AEA852005:AET852017 ANW852005:AOP852017 AXS852005:AYL852017 BHO852005:BIH852017 BRK852005:BSD852017 CBG852005:CBZ852017 CLC852005:CLV852017 CUY852005:CVR852017 DEU852005:DFN852017 DOQ852005:DPJ852017 DYM852005:DZF852017 EII852005:EJB852017 ESE852005:ESX852017 FCA852005:FCT852017 FLW852005:FMP852017 FVS852005:FWL852017 GFO852005:GGH852017 GPK852005:GQD852017 GZG852005:GZZ852017 HJC852005:HJV852017 HSY852005:HTR852017 ICU852005:IDN852017 IMQ852005:INJ852017 IWM852005:IXF852017 JGI852005:JHB852017 JQE852005:JQX852017 KAA852005:KAT852017 KJW852005:KKP852017 KTS852005:KUL852017 LDO852005:LEH852017 LNK852005:LOD852017 LXG852005:LXZ852017 MHC852005:MHV852017 MQY852005:MRR852017 NAU852005:NBN852017 NKQ852005:NLJ852017 NUM852005:NVF852017 OEI852005:OFB852017 OOE852005:OOX852017 OYA852005:OYT852017 PHW852005:PIP852017 PRS852005:PSL852017 QBO852005:QCH852017 QLK852005:QMD852017 QVG852005:QVZ852017 RFC852005:RFV852017 ROY852005:RPR852017 RYU852005:RZN852017 SIQ852005:SJJ852017 SSM852005:STF852017 TCI852005:TDB852017 TME852005:TMX852017 TWA852005:TWT852017 UFW852005:UGP852017 UPS852005:UQL852017 UZO852005:VAH852017 VJK852005:VKD852017 VTG852005:VTZ852017 WDC852005:WDV852017 WMY852005:WNR852017 WWU852005:WXN852017 AM917541:BF917553 KI917541:LB917553 UE917541:UX917553 AEA917541:AET917553 ANW917541:AOP917553 AXS917541:AYL917553 BHO917541:BIH917553 BRK917541:BSD917553 CBG917541:CBZ917553 CLC917541:CLV917553 CUY917541:CVR917553 DEU917541:DFN917553 DOQ917541:DPJ917553 DYM917541:DZF917553 EII917541:EJB917553 ESE917541:ESX917553 FCA917541:FCT917553 FLW917541:FMP917553 FVS917541:FWL917553 GFO917541:GGH917553 GPK917541:GQD917553 GZG917541:GZZ917553 HJC917541:HJV917553 HSY917541:HTR917553 ICU917541:IDN917553 IMQ917541:INJ917553 IWM917541:IXF917553 JGI917541:JHB917553 JQE917541:JQX917553 KAA917541:KAT917553 KJW917541:KKP917553 KTS917541:KUL917553 LDO917541:LEH917553 LNK917541:LOD917553 LXG917541:LXZ917553 MHC917541:MHV917553 MQY917541:MRR917553 NAU917541:NBN917553 NKQ917541:NLJ917553 NUM917541:NVF917553 OEI917541:OFB917553 OOE917541:OOX917553 OYA917541:OYT917553 PHW917541:PIP917553 PRS917541:PSL917553 QBO917541:QCH917553 QLK917541:QMD917553 QVG917541:QVZ917553 RFC917541:RFV917553 ROY917541:RPR917553 RYU917541:RZN917553 SIQ917541:SJJ917553 SSM917541:STF917553 TCI917541:TDB917553 TME917541:TMX917553 TWA917541:TWT917553 UFW917541:UGP917553 UPS917541:UQL917553 UZO917541:VAH917553 VJK917541:VKD917553 VTG917541:VTZ917553 WDC917541:WDV917553 WMY917541:WNR917553 WWU917541:WXN917553 AM983077:BF983089 KI983077:LB983089 UE983077:UX983089 AEA983077:AET983089 ANW983077:AOP983089 AXS983077:AYL983089 BHO983077:BIH983089 BRK983077:BSD983089 CBG983077:CBZ983089 CLC983077:CLV983089 CUY983077:CVR983089 DEU983077:DFN983089 DOQ983077:DPJ983089 DYM983077:DZF983089 EII983077:EJB983089 ESE983077:ESX983089 FCA983077:FCT983089 FLW983077:FMP983089 FVS983077:FWL983089 GFO983077:GGH983089 GPK983077:GQD983089 GZG983077:GZZ983089 HJC983077:HJV983089 HSY983077:HTR983089 ICU983077:IDN983089 IMQ983077:INJ983089 IWM983077:IXF983089 JGI983077:JHB983089 JQE983077:JQX983089 KAA983077:KAT983089 KJW983077:KKP983089 KTS983077:KUL983089 LDO983077:LEH983089 LNK983077:LOD983089 LXG983077:LXZ983089 MHC983077:MHV983089 MQY983077:MRR983089 NAU983077:NBN983089 NKQ983077:NLJ983089 NUM983077:NVF983089 OEI983077:OFB983089 OOE983077:OOX983089 OYA983077:OYT983089 PHW983077:PIP983089 PRS983077:PSL983089 QBO983077:QCH983089 QLK983077:QMD983089 QVG983077:QVZ983089 RFC983077:RFV983089 ROY983077:RPR983089 RYU983077:RZN983089 SIQ983077:SJJ983089 SSM983077:STF983089 TCI983077:TDB983089 TME983077:TMX983089 TWA983077:TWT983089 UFW983077:UGP983089 UPS983077:UQL983089 UZO983077:VAH983089 VJK983077:VKD983089 VTG983077:VTZ983089 WDC983077:WDV983089 WMY983077:WNR983089 WWU983077:WXN983089 Y15:AI17 AZ37:AZ48 AN38:AY48 BA38:BF48 O22:BF23 O20:BF20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参加申込書</vt:lpstr>
      <vt:lpstr>参加申込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sahiro kawai</dc:creator>
  <cp:lastModifiedBy>橘川 慎吾</cp:lastModifiedBy>
  <cp:lastPrinted>2021-04-24T09:50:24Z</cp:lastPrinted>
  <dcterms:created xsi:type="dcterms:W3CDTF">2021-04-11T13:31:42Z</dcterms:created>
  <dcterms:modified xsi:type="dcterms:W3CDTF">2024-04-16T12:00:43Z</dcterms:modified>
</cp:coreProperties>
</file>